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3.xml" ContentType="application/vnd.openxmlformats-officedocument.theme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4" r:id="rId1"/>
    <p:sldMasterId id="2147483722" r:id="rId2"/>
    <p:sldMasterId id="2147483710" r:id="rId3"/>
    <p:sldMasterId id="2147483697" r:id="rId4"/>
  </p:sldMasterIdLst>
  <p:notesMasterIdLst>
    <p:notesMasterId r:id="rId39"/>
  </p:notesMasterIdLst>
  <p:handoutMasterIdLst>
    <p:handoutMasterId r:id="rId40"/>
  </p:handoutMasterIdLst>
  <p:sldIdLst>
    <p:sldId id="256" r:id="rId5"/>
    <p:sldId id="257" r:id="rId6"/>
    <p:sldId id="265" r:id="rId7"/>
    <p:sldId id="266" r:id="rId8"/>
    <p:sldId id="267" r:id="rId9"/>
    <p:sldId id="268" r:id="rId10"/>
    <p:sldId id="269" r:id="rId11"/>
    <p:sldId id="270" r:id="rId12"/>
    <p:sldId id="274" r:id="rId13"/>
    <p:sldId id="275" r:id="rId14"/>
    <p:sldId id="276" r:id="rId15"/>
    <p:sldId id="279" r:id="rId16"/>
    <p:sldId id="278" r:id="rId17"/>
    <p:sldId id="280" r:id="rId18"/>
    <p:sldId id="281" r:id="rId19"/>
    <p:sldId id="282" r:id="rId20"/>
    <p:sldId id="283" r:id="rId21"/>
    <p:sldId id="284" r:id="rId22"/>
    <p:sldId id="287" r:id="rId23"/>
    <p:sldId id="271" r:id="rId24"/>
    <p:sldId id="298" r:id="rId25"/>
    <p:sldId id="272" r:id="rId26"/>
    <p:sldId id="297" r:id="rId27"/>
    <p:sldId id="273" r:id="rId28"/>
    <p:sldId id="286" r:id="rId29"/>
    <p:sldId id="288" r:id="rId30"/>
    <p:sldId id="289" r:id="rId31"/>
    <p:sldId id="290" r:id="rId32"/>
    <p:sldId id="291" r:id="rId33"/>
    <p:sldId id="292" r:id="rId34"/>
    <p:sldId id="294" r:id="rId35"/>
    <p:sldId id="296" r:id="rId36"/>
    <p:sldId id="295" r:id="rId37"/>
    <p:sldId id="299" r:id="rId38"/>
  </p:sldIdLst>
  <p:sldSz cx="9144000" cy="5143500" type="screen16x9"/>
  <p:notesSz cx="6858000" cy="9144000"/>
  <p:custDataLst>
    <p:tags r:id="rId41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  <p15:guide id="3" orient="horz" pos="162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753" autoAdjust="0"/>
    <p:restoredTop sz="94660"/>
  </p:normalViewPr>
  <p:slideViewPr>
    <p:cSldViewPr>
      <p:cViewPr varScale="1">
        <p:scale>
          <a:sx n="145" d="100"/>
          <a:sy n="145" d="100"/>
        </p:scale>
        <p:origin x="414" y="60"/>
      </p:cViewPr>
      <p:guideLst>
        <p:guide orient="horz" pos="2160"/>
        <p:guide pos="2880"/>
        <p:guide orient="horz" pos="162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howGuides="1">
      <p:cViewPr varScale="1">
        <p:scale>
          <a:sx n="86" d="100"/>
          <a:sy n="86" d="100"/>
        </p:scale>
        <p:origin x="-3174" y="-7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presProps" Target="pres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slide" Target="slides/slide34.xml"/><Relationship Id="rId46" Type="http://schemas.microsoft.com/office/2015/10/relationships/revisionInfo" Target="revisionInfo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41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handoutMaster" Target="handoutMasters/handoutMaster1.xml"/><Relationship Id="rId45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4" Type="http://schemas.openxmlformats.org/officeDocument/2006/relationships/theme" Target="theme/theme1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záhlaví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cs-CZ"/>
          </a:p>
        </p:txBody>
      </p:sp>
      <p:sp>
        <p:nvSpPr>
          <p:cNvPr id="3" name="Zástupný symbol pro datum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31F6E1A-2927-404A-85B5-766D82BC6350}" type="datetimeFigureOut">
              <a:rPr lang="cs-CZ" smtClean="0"/>
              <a:pPr/>
              <a:t>9.11.2017</a:t>
            </a:fld>
            <a:endParaRPr lang="cs-CZ"/>
          </a:p>
        </p:txBody>
      </p:sp>
      <p:sp>
        <p:nvSpPr>
          <p:cNvPr id="4" name="Zástupný symbol pro zápatí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cs-CZ"/>
          </a:p>
        </p:txBody>
      </p:sp>
      <p:sp>
        <p:nvSpPr>
          <p:cNvPr id="5" name="Zástupný symbol pro číslo snímku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E0E2D89-BEA4-4F72-A5D5-043C8E4D5402}" type="slidenum">
              <a:rPr lang="cs-CZ" smtClean="0"/>
              <a:pPr/>
              <a:t>‹#›</a:t>
            </a:fld>
            <a:endParaRPr lang="cs-CZ"/>
          </a:p>
        </p:txBody>
      </p:sp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EC7637E-B249-44FE-BCFB-72DA0C5F6578}" type="datetimeFigureOut">
              <a:rPr lang="de-DE" smtClean="0"/>
              <a:pPr/>
              <a:t>09.11.2017</a:t>
            </a:fld>
            <a:endParaRPr lang="de-DE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CE7274E-C37A-4315-9879-EFA9F041CE38}" type="slidenum">
              <a:rPr lang="de-DE" smtClean="0"/>
              <a:pPr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98883409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1</a:t>
            </a:fld>
            <a:endParaRPr lang="de-DE"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1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6133071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1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07931906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1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7887553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1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5425552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1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922766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1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1653235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1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69249578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1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2064207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1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665259331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1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6360489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3873797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2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32873519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2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17822510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2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52599344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2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959916952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2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921846493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2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193433465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2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24153818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2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66067988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2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2318604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2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09313502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98650312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3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30679949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3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87043557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3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28417822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3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821797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83815745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8697273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50471819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21636700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8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2261134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obrázek snímku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Zástupný symbol pro poznámky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cs-CZ"/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CE7274E-C37A-4315-9879-EFA9F041CE38}" type="slidenum">
              <a:rPr lang="de-DE" smtClean="0"/>
              <a:pPr/>
              <a:t>9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445151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oje prezentace rozšířená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762400" y="5022000"/>
            <a:ext cx="198000" cy="67866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sz="700"/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179512" y="1059582"/>
            <a:ext cx="8641174" cy="26816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 b="1" u="none">
                <a:latin typeface="+mn-lt"/>
              </a:defRPr>
            </a:lvl1pPr>
          </a:lstStyle>
          <a:p>
            <a:pPr lvl="0"/>
            <a:r>
              <a:rPr lang="de-DE" dirty="0"/>
              <a:t>Untertitel </a:t>
            </a:r>
          </a:p>
          <a:p>
            <a:pPr lvl="0"/>
            <a:endParaRPr lang="de-DE" dirty="0"/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179512" y="195486"/>
            <a:ext cx="8604000" cy="26190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cs-CZ" dirty="0"/>
              <a:t>Klepnutím lze upravit styl předlohy nadpisů.</a:t>
            </a:r>
            <a:endParaRPr lang="de-DE" dirty="0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cs-CZ" dirty="0" err="1"/>
              <a:t>M</a:t>
            </a:r>
            <a:r>
              <a:rPr lang="cs-CZ" dirty="0"/>
              <a:t>.Blahetka / Základy pneumatiky/ v.5</a:t>
            </a:r>
          </a:p>
        </p:txBody>
      </p:sp>
      <p:sp>
        <p:nvSpPr>
          <p:cNvPr id="7" name="Zástupný symbol pro datum 3"/>
          <p:cNvSpPr>
            <a:spLocks noGrp="1"/>
          </p:cNvSpPr>
          <p:nvPr>
            <p:ph type="dt" sz="half" idx="2"/>
          </p:nvPr>
        </p:nvSpPr>
        <p:spPr>
          <a:xfrm>
            <a:off x="179512" y="5020022"/>
            <a:ext cx="2133600" cy="12347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7782248-9AAF-4BC8-A37C-94846121AE08}" type="datetime1">
              <a:rPr lang="cs-CZ" smtClean="0"/>
              <a:pPr/>
              <a:t>9.11.2017</a:t>
            </a:fld>
            <a:endParaRPr lang="cs-CZ" dirty="0"/>
          </a:p>
        </p:txBody>
      </p:sp>
      <p:sp>
        <p:nvSpPr>
          <p:cNvPr id="8" name="Textplatzhalter 9"/>
          <p:cNvSpPr>
            <a:spLocks noGrp="1"/>
          </p:cNvSpPr>
          <p:nvPr>
            <p:ph type="body" sz="quarter" idx="13" hasCustomPrompt="1"/>
          </p:nvPr>
        </p:nvSpPr>
        <p:spPr>
          <a:xfrm>
            <a:off x="179512" y="555526"/>
            <a:ext cx="7848872" cy="26816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 b="1" u="none">
                <a:latin typeface="+mn-lt"/>
              </a:defRPr>
            </a:lvl1pPr>
          </a:lstStyle>
          <a:p>
            <a:pPr lvl="0"/>
            <a:r>
              <a:rPr lang="de-DE" dirty="0"/>
              <a:t>Untertitel </a:t>
            </a:r>
          </a:p>
          <a:p>
            <a:pPr lvl="0"/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51981051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rázdn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762400" y="5022000"/>
            <a:ext cx="198000" cy="67500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algn="r" defTabSz="914400" rtl="0" eaLnBrk="1" latinLnBrk="0" hangingPunct="1">
              <a:defRPr lang="de-DE" sz="7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5630028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94" userDrawn="1">
          <p15:clr>
            <a:srgbClr val="F26B43"/>
          </p15:clr>
        </p15:guide>
        <p15:guide id="2" pos="2160" userDrawn="1">
          <p15:clr>
            <a:srgbClr val="A4A3A4"/>
          </p15:clr>
        </p15:guide>
        <p15:guide id="3" orient="horz" pos="2636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edia top 2 Columns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52000" y="4087800"/>
            <a:ext cx="8636400" cy="270000"/>
          </a:xfrm>
          <a:prstGeom prst="rect">
            <a:avLst/>
          </a:prstGeom>
        </p:spPr>
        <p:txBody>
          <a:bodyPr lIns="0" tIns="0" rIns="0" bIns="0" anchor="b"/>
          <a:lstStyle>
            <a:lvl1pPr algn="l">
              <a:defRPr sz="2100" b="1"/>
            </a:lvl1pPr>
          </a:lstStyle>
          <a:p>
            <a:r>
              <a:rPr lang="cs-CZ"/>
              <a:t>Klepnutím lze upravit styl předlohy nadpisů.</a:t>
            </a:r>
            <a:endParaRPr lang="en-GB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252000" y="1087042"/>
            <a:ext cx="8640000" cy="3000759"/>
          </a:xfrm>
          <a:prstGeom prst="rect">
            <a:avLst/>
          </a:prstGeom>
        </p:spPr>
        <p:txBody>
          <a:bodyPr rtlCol="0">
            <a:no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cs-CZ" noProof="0"/>
              <a:t>Klepnutím na ikonu přidáte obrázek.</a:t>
            </a:r>
            <a:endParaRPr lang="en-GB" noProof="0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</p:nvPr>
        </p:nvSpPr>
        <p:spPr>
          <a:xfrm>
            <a:off x="252000" y="4357800"/>
            <a:ext cx="4212050" cy="59043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6" name="Textplatzhalter 3"/>
          <p:cNvSpPr>
            <a:spLocks noGrp="1"/>
          </p:cNvSpPr>
          <p:nvPr>
            <p:ph type="body" sz="half" idx="11"/>
          </p:nvPr>
        </p:nvSpPr>
        <p:spPr>
          <a:xfrm>
            <a:off x="4654661" y="4357800"/>
            <a:ext cx="4212050" cy="590438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7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762400" y="5022000"/>
            <a:ext cx="198000" cy="67500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algn="r" defTabSz="914400" rtl="0" eaLnBrk="1" latinLnBrk="0" hangingPunct="1">
              <a:defRPr lang="de-DE" sz="7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5662893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Gerader Verbinder 4"/>
          <p:cNvCxnSpPr/>
          <p:nvPr/>
        </p:nvCxnSpPr>
        <p:spPr>
          <a:xfrm>
            <a:off x="250825" y="0"/>
            <a:ext cx="0" cy="514350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Gerader Verbinder 5"/>
          <p:cNvCxnSpPr/>
          <p:nvPr/>
        </p:nvCxnSpPr>
        <p:spPr>
          <a:xfrm flipH="1">
            <a:off x="2" y="1087041"/>
            <a:ext cx="9143999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Gerader Verbinder 17"/>
          <p:cNvCxnSpPr/>
          <p:nvPr/>
        </p:nvCxnSpPr>
        <p:spPr>
          <a:xfrm flipH="1">
            <a:off x="1" y="1495951"/>
            <a:ext cx="9143999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Gerader Verbinder 18"/>
          <p:cNvCxnSpPr/>
          <p:nvPr/>
        </p:nvCxnSpPr>
        <p:spPr>
          <a:xfrm flipH="1">
            <a:off x="-1" y="1762125"/>
            <a:ext cx="9143999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r Verbinder 21"/>
          <p:cNvCxnSpPr/>
          <p:nvPr/>
        </p:nvCxnSpPr>
        <p:spPr>
          <a:xfrm flipH="1">
            <a:off x="-3" y="4946522"/>
            <a:ext cx="9143999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762400" y="5022000"/>
            <a:ext cx="198000" cy="67500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algn="r" defTabSz="914400" rtl="0" eaLnBrk="1" latinLnBrk="0" hangingPunct="1">
              <a:defRPr lang="de-DE" sz="7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  <p:cxnSp>
        <p:nvCxnSpPr>
          <p:cNvPr id="9" name="Gerader Verbinder 4"/>
          <p:cNvCxnSpPr/>
          <p:nvPr/>
        </p:nvCxnSpPr>
        <p:spPr>
          <a:xfrm>
            <a:off x="8894082" y="0"/>
            <a:ext cx="0" cy="514350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Gerader Verbinder 4"/>
          <p:cNvCxnSpPr/>
          <p:nvPr userDrawn="1"/>
        </p:nvCxnSpPr>
        <p:spPr>
          <a:xfrm>
            <a:off x="8892480" y="0"/>
            <a:ext cx="0" cy="514350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232765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lastní rozložení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457200" y="206375"/>
            <a:ext cx="8229600" cy="857250"/>
          </a:xfrm>
          <a:prstGeom prst="rect">
            <a:avLst/>
          </a:prstGeom>
        </p:spPr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číslo snímku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52000" y="1309500"/>
            <a:ext cx="8636400" cy="270000"/>
          </a:xfrm>
          <a:prstGeom prst="rect">
            <a:avLst/>
          </a:prstGeom>
        </p:spPr>
        <p:txBody>
          <a:bodyPr/>
          <a:lstStyle/>
          <a:p>
            <a:r>
              <a:rPr lang="de-DE"/>
              <a:t>Titelmasterformat durch Klicken bearbeiten</a:t>
            </a:r>
            <a:endParaRPr lang="en-GB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252000" y="1684800"/>
            <a:ext cx="8636400" cy="131445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b="1">
                <a:solidFill>
                  <a:schemeClr val="tx1"/>
                </a:solidFill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Formatvorlage des Untertitelmasters durch Klicken bearbeiten</a:t>
            </a:r>
            <a:endParaRPr lang="en-GB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834438" y="5045869"/>
            <a:ext cx="125412" cy="67866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F68BE854-7E13-4F9C-A7E7-3CB6376C6C02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0811122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Úvodní sníme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ctrTitle"/>
          </p:nvPr>
        </p:nvSpPr>
        <p:spPr>
          <a:xfrm>
            <a:off x="685800" y="1598613"/>
            <a:ext cx="7772400" cy="1101725"/>
          </a:xfrm>
        </p:spPr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Podnadpis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cs-CZ"/>
              <a:t>Klepnutím lze upravit styl předlohy podnadpisů.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FC0F4C-C040-4499-B6DD-A690452327F3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Nadpis a obsa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sah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CBD95C-EA80-49E8-8A48-616D52AC0AA6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Záhlaví čá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722313" y="3305175"/>
            <a:ext cx="7772400" cy="1022350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idx="1"/>
          </p:nvPr>
        </p:nvSpPr>
        <p:spPr>
          <a:xfrm>
            <a:off x="722313" y="2179638"/>
            <a:ext cx="7772400" cy="112553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070C5D-8553-45D0-880D-1E9805DFBE2C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va obsah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sah 2"/>
          <p:cNvSpPr>
            <a:spLocks noGrp="1"/>
          </p:cNvSpPr>
          <p:nvPr>
            <p:ph sz="half" idx="1"/>
          </p:nvPr>
        </p:nvSpPr>
        <p:spPr>
          <a:xfrm>
            <a:off x="457200" y="1200150"/>
            <a:ext cx="40386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obsah 3"/>
          <p:cNvSpPr>
            <a:spLocks noGrp="1"/>
          </p:cNvSpPr>
          <p:nvPr>
            <p:ph sz="half" idx="2"/>
          </p:nvPr>
        </p:nvSpPr>
        <p:spPr>
          <a:xfrm>
            <a:off x="4648200" y="1200150"/>
            <a:ext cx="40386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5" name="Zástupný symbol pro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1E7264-0D5B-4E0D-AD7B-4B15469B83F5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6" name="Zástupný symbol pro zápatí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7" name="Zástupný symbol pro číslo snímk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Porovnání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idx="1"/>
          </p:nvPr>
        </p:nvSpPr>
        <p:spPr>
          <a:xfrm>
            <a:off x="457200" y="1150938"/>
            <a:ext cx="4040188" cy="4810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4" name="Zástupný symbol pro obsah 3"/>
          <p:cNvSpPr>
            <a:spLocks noGrp="1"/>
          </p:cNvSpPr>
          <p:nvPr>
            <p:ph sz="half" idx="2"/>
          </p:nvPr>
        </p:nvSpPr>
        <p:spPr>
          <a:xfrm>
            <a:off x="457200" y="1631950"/>
            <a:ext cx="4040188" cy="2962275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5" name="Zástupný symbol pro text 4"/>
          <p:cNvSpPr>
            <a:spLocks noGrp="1"/>
          </p:cNvSpPr>
          <p:nvPr>
            <p:ph type="body" sz="quarter" idx="3"/>
          </p:nvPr>
        </p:nvSpPr>
        <p:spPr>
          <a:xfrm>
            <a:off x="4645025" y="1150938"/>
            <a:ext cx="4041775" cy="4810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6" name="Zástupný symbol pro obsah 5"/>
          <p:cNvSpPr>
            <a:spLocks noGrp="1"/>
          </p:cNvSpPr>
          <p:nvPr>
            <p:ph sz="quarter" idx="4"/>
          </p:nvPr>
        </p:nvSpPr>
        <p:spPr>
          <a:xfrm>
            <a:off x="4645025" y="1631950"/>
            <a:ext cx="4041775" cy="2962275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7" name="Zástupný symbol pro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5636AF-BD15-470B-9AFB-3213B625462B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8" name="Zástupný symbol pro zápatí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9" name="Zástupný symbol pro číslo snímku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251999" y="1762125"/>
            <a:ext cx="8641176" cy="3186113"/>
          </a:xfrm>
          <a:prstGeom prst="rect">
            <a:avLst/>
          </a:prstGeom>
        </p:spPr>
        <p:txBody>
          <a:bodyPr lIns="0" tIns="0" rIns="36000" bIns="36000"/>
          <a:lstStyle>
            <a:lvl1pPr marL="0" indent="0">
              <a:lnSpc>
                <a:spcPts val="1900"/>
              </a:lnSpc>
              <a:buNone/>
              <a:defRPr/>
            </a:lvl1pPr>
            <a:lvl2pPr>
              <a:lnSpc>
                <a:spcPts val="1900"/>
              </a:lnSpc>
              <a:defRPr/>
            </a:lvl2pPr>
            <a:lvl3pPr>
              <a:lnSpc>
                <a:spcPts val="1900"/>
              </a:lnSpc>
              <a:defRPr/>
            </a:lvl3pPr>
            <a:lvl4pPr>
              <a:lnSpc>
                <a:spcPts val="1900"/>
              </a:lnSpc>
              <a:defRPr/>
            </a:lvl4pPr>
            <a:lvl5pPr>
              <a:lnSpc>
                <a:spcPts val="1900"/>
              </a:lnSpc>
              <a:defRPr/>
            </a:lvl5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762400" y="5022000"/>
            <a:ext cx="198000" cy="67500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algn="r" defTabSz="914400" rtl="0" eaLnBrk="1" latinLnBrk="0" hangingPunct="1">
              <a:defRPr lang="de-DE" sz="7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9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000" y="1491853"/>
            <a:ext cx="8636000" cy="26816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Untertitel</a:t>
            </a: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252000" y="1088100"/>
            <a:ext cx="8604000" cy="26190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cs-CZ"/>
              <a:t>Klepnutím lze upravit styl předlohy nadpisů.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5817383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Pouze nadp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16B52-71DF-480C-9A97-ADB9C4E3A564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4" name="Zástupný symbol pro zápatí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5" name="Zástupný symbol pro číslo snímku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rázdn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A0491C-8393-4CF0-B39A-296AD9A66A26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3" name="Zástupný symbol pro zápatí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Obsah s titulk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457200" y="204788"/>
            <a:ext cx="3008313" cy="871537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sah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437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text 3"/>
          <p:cNvSpPr>
            <a:spLocks noGrp="1"/>
          </p:cNvSpPr>
          <p:nvPr>
            <p:ph type="body" sz="half" idx="2"/>
          </p:nvPr>
        </p:nvSpPr>
        <p:spPr>
          <a:xfrm>
            <a:off x="457200" y="1076325"/>
            <a:ext cx="3008313" cy="35179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5" name="Zástupný symbol pro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F80831-F867-4598-BB02-1B4971C5438E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6" name="Zástupný symbol pro zápatí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7" name="Zástupný symbol pro číslo snímk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Obrázek s titulk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4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rázek 2"/>
          <p:cNvSpPr>
            <a:spLocks noGrp="1"/>
          </p:cNvSpPr>
          <p:nvPr>
            <p:ph type="pic" idx="1"/>
          </p:nvPr>
        </p:nvSpPr>
        <p:spPr>
          <a:xfrm>
            <a:off x="1792288" y="460375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cs-CZ"/>
          </a:p>
        </p:txBody>
      </p:sp>
      <p:sp>
        <p:nvSpPr>
          <p:cNvPr id="4" name="Zástupný symbol pro text 3"/>
          <p:cNvSpPr>
            <a:spLocks noGrp="1"/>
          </p:cNvSpPr>
          <p:nvPr>
            <p:ph type="body" sz="half" idx="2"/>
          </p:nvPr>
        </p:nvSpPr>
        <p:spPr>
          <a:xfrm>
            <a:off x="1792288" y="4025900"/>
            <a:ext cx="5486400" cy="60325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5" name="Zástupný symbol pro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83B859-F543-4C6C-A010-12942288B1C4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6" name="Zástupný symbol pro zápatí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7" name="Zástupný symbol pro číslo snímk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Nadpis a svislý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svislý tex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2FC9F3-ABCB-4BE0-9B51-A845BEF7E0D6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Svislý nadpis a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vislý nadpis 1"/>
          <p:cNvSpPr>
            <a:spLocks noGrp="1"/>
          </p:cNvSpPr>
          <p:nvPr>
            <p:ph type="title" orient="vert"/>
          </p:nvPr>
        </p:nvSpPr>
        <p:spPr>
          <a:xfrm>
            <a:off x="6629400" y="206375"/>
            <a:ext cx="2057400" cy="4387850"/>
          </a:xfrm>
        </p:spPr>
        <p:txBody>
          <a:bodyPr vert="eaVert"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svislý text 2"/>
          <p:cNvSpPr>
            <a:spLocks noGrp="1"/>
          </p:cNvSpPr>
          <p:nvPr>
            <p:ph type="body" orient="vert" idx="1"/>
          </p:nvPr>
        </p:nvSpPr>
        <p:spPr>
          <a:xfrm>
            <a:off x="457200" y="206375"/>
            <a:ext cx="6019800" cy="4387850"/>
          </a:xfrm>
        </p:spPr>
        <p:txBody>
          <a:bodyPr vert="eaVert"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B389F0-E5F3-47D7-B2A6-DCFE2960109F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Úvodní sníme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ctrTitle"/>
          </p:nvPr>
        </p:nvSpPr>
        <p:spPr>
          <a:xfrm>
            <a:off x="685800" y="1598613"/>
            <a:ext cx="7772400" cy="1101725"/>
          </a:xfrm>
        </p:spPr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Podnadpis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cs-CZ"/>
              <a:t>Klepnutím lze upravit styl předlohy podnadpisů.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1165AA-1B20-4DB8-B1C6-566C86402FE0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Nadpis a obsa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sah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93C7E3-9D9C-4791-9E62-BE02ED8CB118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Záhlaví čá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722313" y="3305175"/>
            <a:ext cx="7772400" cy="1022350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idx="1"/>
          </p:nvPr>
        </p:nvSpPr>
        <p:spPr>
          <a:xfrm>
            <a:off x="722313" y="2179638"/>
            <a:ext cx="7772400" cy="112553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3C2AF1-B4A1-40C1-BFCC-11AD3609EF9C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va obsah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sah 2"/>
          <p:cNvSpPr>
            <a:spLocks noGrp="1"/>
          </p:cNvSpPr>
          <p:nvPr>
            <p:ph sz="half" idx="1"/>
          </p:nvPr>
        </p:nvSpPr>
        <p:spPr>
          <a:xfrm>
            <a:off x="457200" y="1200150"/>
            <a:ext cx="40386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obsah 3"/>
          <p:cNvSpPr>
            <a:spLocks noGrp="1"/>
          </p:cNvSpPr>
          <p:nvPr>
            <p:ph sz="half" idx="2"/>
          </p:nvPr>
        </p:nvSpPr>
        <p:spPr>
          <a:xfrm>
            <a:off x="4648200" y="1200150"/>
            <a:ext cx="40386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5" name="Zástupný symbol pro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43E16C-6AE8-4840-BAC3-5ACF1EBBCD36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6" name="Zástupný symbol pro zápatí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7" name="Zástupný symbol pro číslo snímk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Vlastní rozložení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457200" y="206375"/>
            <a:ext cx="8229600" cy="857250"/>
          </a:xfrm>
          <a:prstGeom prst="rect">
            <a:avLst/>
          </a:prstGeom>
        </p:spPr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číslo snímku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Porovnání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idx="1"/>
          </p:nvPr>
        </p:nvSpPr>
        <p:spPr>
          <a:xfrm>
            <a:off x="457200" y="1150938"/>
            <a:ext cx="4040188" cy="4810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4" name="Zástupný symbol pro obsah 3"/>
          <p:cNvSpPr>
            <a:spLocks noGrp="1"/>
          </p:cNvSpPr>
          <p:nvPr>
            <p:ph sz="half" idx="2"/>
          </p:nvPr>
        </p:nvSpPr>
        <p:spPr>
          <a:xfrm>
            <a:off x="457200" y="1631950"/>
            <a:ext cx="4040188" cy="2962275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5" name="Zástupný symbol pro text 4"/>
          <p:cNvSpPr>
            <a:spLocks noGrp="1"/>
          </p:cNvSpPr>
          <p:nvPr>
            <p:ph type="body" sz="quarter" idx="3"/>
          </p:nvPr>
        </p:nvSpPr>
        <p:spPr>
          <a:xfrm>
            <a:off x="4645025" y="1150938"/>
            <a:ext cx="4041775" cy="4810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6" name="Zástupný symbol pro obsah 5"/>
          <p:cNvSpPr>
            <a:spLocks noGrp="1"/>
          </p:cNvSpPr>
          <p:nvPr>
            <p:ph sz="quarter" idx="4"/>
          </p:nvPr>
        </p:nvSpPr>
        <p:spPr>
          <a:xfrm>
            <a:off x="4645025" y="1631950"/>
            <a:ext cx="4041775" cy="2962275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7" name="Zástupný symbol pro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C60B3F-BE31-4D05-837F-7AD24312BB45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8" name="Zástupný symbol pro zápatí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9" name="Zástupný symbol pro číslo snímku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Pouze nadp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3EAC338-4D16-47C3-B344-F55B5CC03180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4" name="Zástupný symbol pro zápatí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5" name="Zástupný symbol pro číslo snímku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rázdn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C88DE-C40A-4557-B382-719D47B668CA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3" name="Zástupný symbol pro zápatí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Obsah s titulk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457200" y="204788"/>
            <a:ext cx="3008313" cy="871537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sah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437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text 3"/>
          <p:cNvSpPr>
            <a:spLocks noGrp="1"/>
          </p:cNvSpPr>
          <p:nvPr>
            <p:ph type="body" sz="half" idx="2"/>
          </p:nvPr>
        </p:nvSpPr>
        <p:spPr>
          <a:xfrm>
            <a:off x="457200" y="1076325"/>
            <a:ext cx="3008313" cy="35179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5" name="Zástupný symbol pro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B85B58-E3E3-4A44-AE4A-190586DD6496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6" name="Zástupný symbol pro zápatí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7" name="Zástupný symbol pro číslo snímk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Obrázek s titulk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4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rázek 2"/>
          <p:cNvSpPr>
            <a:spLocks noGrp="1"/>
          </p:cNvSpPr>
          <p:nvPr>
            <p:ph type="pic" idx="1"/>
          </p:nvPr>
        </p:nvSpPr>
        <p:spPr>
          <a:xfrm>
            <a:off x="1792288" y="460375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cs-CZ"/>
          </a:p>
        </p:txBody>
      </p:sp>
      <p:sp>
        <p:nvSpPr>
          <p:cNvPr id="4" name="Zástupný symbol pro text 3"/>
          <p:cNvSpPr>
            <a:spLocks noGrp="1"/>
          </p:cNvSpPr>
          <p:nvPr>
            <p:ph type="body" sz="half" idx="2"/>
          </p:nvPr>
        </p:nvSpPr>
        <p:spPr>
          <a:xfrm>
            <a:off x="1792288" y="4025900"/>
            <a:ext cx="5486400" cy="60325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5" name="Zástupný symbol pro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2B1617-803C-44D1-8A2D-B640D9ED756C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6" name="Zástupný symbol pro zápatí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7" name="Zástupný symbol pro číslo snímk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Nadpis a svislý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svislý tex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739FDE-F8E6-4E48-9FA1-FBCD50EA2221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Svislý nadpis a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vislý nadpis 1"/>
          <p:cNvSpPr>
            <a:spLocks noGrp="1"/>
          </p:cNvSpPr>
          <p:nvPr>
            <p:ph type="title" orient="vert"/>
          </p:nvPr>
        </p:nvSpPr>
        <p:spPr>
          <a:xfrm>
            <a:off x="6629400" y="206375"/>
            <a:ext cx="2057400" cy="4387850"/>
          </a:xfrm>
        </p:spPr>
        <p:txBody>
          <a:bodyPr vert="eaVert"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svislý text 2"/>
          <p:cNvSpPr>
            <a:spLocks noGrp="1"/>
          </p:cNvSpPr>
          <p:nvPr>
            <p:ph type="body" orient="vert" idx="1"/>
          </p:nvPr>
        </p:nvSpPr>
        <p:spPr>
          <a:xfrm>
            <a:off x="457200" y="206375"/>
            <a:ext cx="6019800" cy="4387850"/>
          </a:xfrm>
        </p:spPr>
        <p:txBody>
          <a:bodyPr vert="eaVert"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CEF361-658A-459B-955E-26B379A676FC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Úvodní sníme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ctrTitle"/>
          </p:nvPr>
        </p:nvSpPr>
        <p:spPr>
          <a:xfrm>
            <a:off x="685800" y="1598613"/>
            <a:ext cx="7772400" cy="1101725"/>
          </a:xfrm>
        </p:spPr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Podnadpis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cs-CZ"/>
              <a:t>Klepnutím lze upravit styl předlohy podnadpisů.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35E6B6-66D8-419B-B852-6FEF26DBE325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Nadpis a obsa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sah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3532E3-B19E-4C83-B488-6918E17D0C0A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Záhlaví čá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722313" y="3305175"/>
            <a:ext cx="7772400" cy="1022350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idx="1"/>
          </p:nvPr>
        </p:nvSpPr>
        <p:spPr>
          <a:xfrm>
            <a:off x="722313" y="2179638"/>
            <a:ext cx="7772400" cy="112553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6CABAE-749B-46F5-93E7-FDB6C7FC320D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Inhaltsplatzhalter 2"/>
          <p:cNvSpPr>
            <a:spLocks noGrp="1"/>
          </p:cNvSpPr>
          <p:nvPr>
            <p:ph idx="1"/>
          </p:nvPr>
        </p:nvSpPr>
        <p:spPr>
          <a:xfrm>
            <a:off x="252414" y="1762125"/>
            <a:ext cx="4211637" cy="3186113"/>
          </a:xfrm>
          <a:prstGeom prst="rect">
            <a:avLst/>
          </a:prstGeom>
        </p:spPr>
        <p:txBody>
          <a:bodyPr lIns="0" tIns="0" rIns="36000" bIns="36000"/>
          <a:lstStyle>
            <a:lvl1pPr marL="0" indent="0">
              <a:lnSpc>
                <a:spcPts val="1900"/>
              </a:lnSpc>
              <a:buNone/>
              <a:defRPr/>
            </a:lvl1pPr>
            <a:lvl2pPr>
              <a:lnSpc>
                <a:spcPts val="1900"/>
              </a:lnSpc>
              <a:defRPr/>
            </a:lvl2pPr>
            <a:lvl3pPr>
              <a:lnSpc>
                <a:spcPts val="1900"/>
              </a:lnSpc>
              <a:defRPr/>
            </a:lvl3pPr>
            <a:lvl4pPr>
              <a:lnSpc>
                <a:spcPts val="1900"/>
              </a:lnSpc>
              <a:defRPr/>
            </a:lvl4pPr>
            <a:lvl5pPr>
              <a:lnSpc>
                <a:spcPts val="1900"/>
              </a:lnSpc>
              <a:defRPr/>
            </a:lvl5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  <a:endParaRPr lang="en-GB" dirty="0"/>
          </a:p>
        </p:txBody>
      </p:sp>
      <p:sp>
        <p:nvSpPr>
          <p:cNvPr id="9" name="Inhaltsplatzhalter 2"/>
          <p:cNvSpPr>
            <a:spLocks noGrp="1"/>
          </p:cNvSpPr>
          <p:nvPr>
            <p:ph idx="11"/>
          </p:nvPr>
        </p:nvSpPr>
        <p:spPr>
          <a:xfrm>
            <a:off x="4652065" y="1762125"/>
            <a:ext cx="4241111" cy="3186113"/>
          </a:xfrm>
          <a:prstGeom prst="rect">
            <a:avLst/>
          </a:prstGeom>
        </p:spPr>
        <p:txBody>
          <a:bodyPr lIns="0" tIns="0" rIns="36000" bIns="36000"/>
          <a:lstStyle>
            <a:lvl1pPr marL="0" indent="0">
              <a:lnSpc>
                <a:spcPts val="1900"/>
              </a:lnSpc>
              <a:buNone/>
              <a:defRPr/>
            </a:lvl1pPr>
            <a:lvl2pPr>
              <a:lnSpc>
                <a:spcPts val="1900"/>
              </a:lnSpc>
              <a:defRPr/>
            </a:lvl2pPr>
            <a:lvl3pPr>
              <a:lnSpc>
                <a:spcPts val="1900"/>
              </a:lnSpc>
              <a:defRPr/>
            </a:lvl3pPr>
            <a:lvl4pPr>
              <a:lnSpc>
                <a:spcPts val="1900"/>
              </a:lnSpc>
              <a:defRPr/>
            </a:lvl4pPr>
            <a:lvl5pPr>
              <a:lnSpc>
                <a:spcPts val="1900"/>
              </a:lnSpc>
              <a:defRPr/>
            </a:lvl5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  <a:endParaRPr lang="en-GB" dirty="0"/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252000" y="1088100"/>
            <a:ext cx="8604000" cy="26190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cs-CZ"/>
              <a:t>Klepnutím lze upravit styl předlohy nadpisů.</a:t>
            </a:r>
            <a:endParaRPr lang="de-DE" dirty="0"/>
          </a:p>
        </p:txBody>
      </p:sp>
      <p:sp>
        <p:nvSpPr>
          <p:cNvPr id="7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762400" y="5022000"/>
            <a:ext cx="198000" cy="67500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algn="r" defTabSz="914400" rtl="0" eaLnBrk="1" latinLnBrk="0" hangingPunct="1">
              <a:defRPr lang="de-DE" sz="7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3691832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va obsah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sah 2"/>
          <p:cNvSpPr>
            <a:spLocks noGrp="1"/>
          </p:cNvSpPr>
          <p:nvPr>
            <p:ph sz="half" idx="1"/>
          </p:nvPr>
        </p:nvSpPr>
        <p:spPr>
          <a:xfrm>
            <a:off x="457200" y="1200150"/>
            <a:ext cx="40386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obsah 3"/>
          <p:cNvSpPr>
            <a:spLocks noGrp="1"/>
          </p:cNvSpPr>
          <p:nvPr>
            <p:ph sz="half" idx="2"/>
          </p:nvPr>
        </p:nvSpPr>
        <p:spPr>
          <a:xfrm>
            <a:off x="4648200" y="1200150"/>
            <a:ext cx="40386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5" name="Zástupný symbol pro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A84F4C-EB27-41CC-B09A-474B332C6AC0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6" name="Zástupný symbol pro zápatí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7" name="Zástupný symbol pro číslo snímk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Porovnání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idx="1"/>
          </p:nvPr>
        </p:nvSpPr>
        <p:spPr>
          <a:xfrm>
            <a:off x="457200" y="1150938"/>
            <a:ext cx="4040188" cy="4810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4" name="Zástupný symbol pro obsah 3"/>
          <p:cNvSpPr>
            <a:spLocks noGrp="1"/>
          </p:cNvSpPr>
          <p:nvPr>
            <p:ph sz="half" idx="2"/>
          </p:nvPr>
        </p:nvSpPr>
        <p:spPr>
          <a:xfrm>
            <a:off x="457200" y="1631950"/>
            <a:ext cx="4040188" cy="2962275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5" name="Zástupný symbol pro text 4"/>
          <p:cNvSpPr>
            <a:spLocks noGrp="1"/>
          </p:cNvSpPr>
          <p:nvPr>
            <p:ph type="body" sz="quarter" idx="3"/>
          </p:nvPr>
        </p:nvSpPr>
        <p:spPr>
          <a:xfrm>
            <a:off x="4645025" y="1150938"/>
            <a:ext cx="4041775" cy="4810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6" name="Zástupný symbol pro obsah 5"/>
          <p:cNvSpPr>
            <a:spLocks noGrp="1"/>
          </p:cNvSpPr>
          <p:nvPr>
            <p:ph sz="quarter" idx="4"/>
          </p:nvPr>
        </p:nvSpPr>
        <p:spPr>
          <a:xfrm>
            <a:off x="4645025" y="1631950"/>
            <a:ext cx="4041775" cy="2962275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7" name="Zástupný symbol pro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34BAAA-94C4-4DE0-9746-780B47B5D11E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8" name="Zástupný symbol pro zápatí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9" name="Zástupný symbol pro číslo snímku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Pouze nadp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17C806-A3F3-40E0-A443-8F573AE73A39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4" name="Zástupný symbol pro zápatí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5" name="Zástupný symbol pro číslo snímku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rázdn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D0E6C6-C364-486D-9393-2B3781407851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3" name="Zástupný symbol pro zápatí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4" name="Zástupný symbol pro číslo snímk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Obsah s titulk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457200" y="204788"/>
            <a:ext cx="3008313" cy="871537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sah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437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text 3"/>
          <p:cNvSpPr>
            <a:spLocks noGrp="1"/>
          </p:cNvSpPr>
          <p:nvPr>
            <p:ph type="body" sz="half" idx="2"/>
          </p:nvPr>
        </p:nvSpPr>
        <p:spPr>
          <a:xfrm>
            <a:off x="457200" y="1076325"/>
            <a:ext cx="3008313" cy="35179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5" name="Zástupný symbol pro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45DD46-11DA-44F7-94AE-228F1EB70FC9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6" name="Zástupný symbol pro zápatí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7" name="Zástupný symbol pro číslo snímk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Obrázek s titulk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4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obrázek 2"/>
          <p:cNvSpPr>
            <a:spLocks noGrp="1"/>
          </p:cNvSpPr>
          <p:nvPr>
            <p:ph type="pic" idx="1"/>
          </p:nvPr>
        </p:nvSpPr>
        <p:spPr>
          <a:xfrm>
            <a:off x="1792288" y="460375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cs-CZ"/>
          </a:p>
        </p:txBody>
      </p:sp>
      <p:sp>
        <p:nvSpPr>
          <p:cNvPr id="4" name="Zástupný symbol pro text 3"/>
          <p:cNvSpPr>
            <a:spLocks noGrp="1"/>
          </p:cNvSpPr>
          <p:nvPr>
            <p:ph type="body" sz="half" idx="2"/>
          </p:nvPr>
        </p:nvSpPr>
        <p:spPr>
          <a:xfrm>
            <a:off x="1792288" y="4025900"/>
            <a:ext cx="5486400" cy="60325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cs-CZ"/>
              <a:t>Klepnutím lze upravit styly předlohy textu.</a:t>
            </a:r>
          </a:p>
        </p:txBody>
      </p:sp>
      <p:sp>
        <p:nvSpPr>
          <p:cNvPr id="5" name="Zástupný symbol pro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866428-7E91-416E-B42E-1C9D6D4E3DBF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6" name="Zástupný symbol pro zápatí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7" name="Zástupný symbol pro číslo snímk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Nadpis a svislý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adpis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svislý tex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A0E6FE-D073-4D43-88FE-21EA5807DB78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Svislý nadpis a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vislý nadpis 1"/>
          <p:cNvSpPr>
            <a:spLocks noGrp="1"/>
          </p:cNvSpPr>
          <p:nvPr>
            <p:ph type="title" orient="vert"/>
          </p:nvPr>
        </p:nvSpPr>
        <p:spPr>
          <a:xfrm>
            <a:off x="6629400" y="206375"/>
            <a:ext cx="2057400" cy="4387850"/>
          </a:xfrm>
        </p:spPr>
        <p:txBody>
          <a:bodyPr vert="eaVert"/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svislý text 2"/>
          <p:cNvSpPr>
            <a:spLocks noGrp="1"/>
          </p:cNvSpPr>
          <p:nvPr>
            <p:ph type="body" orient="vert" idx="1"/>
          </p:nvPr>
        </p:nvSpPr>
        <p:spPr>
          <a:xfrm>
            <a:off x="457200" y="206375"/>
            <a:ext cx="6019800" cy="4387850"/>
          </a:xfrm>
        </p:spPr>
        <p:txBody>
          <a:bodyPr vert="eaVert"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333539-5B37-448C-B4D3-0E0B86B2E9F4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hree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/>
          <p:cNvSpPr>
            <a:spLocks noGrp="1"/>
          </p:cNvSpPr>
          <p:nvPr>
            <p:ph sz="quarter" idx="13"/>
          </p:nvPr>
        </p:nvSpPr>
        <p:spPr>
          <a:xfrm>
            <a:off x="250824" y="1762125"/>
            <a:ext cx="2772000" cy="3186113"/>
          </a:xfrm>
          <a:prstGeom prst="rect">
            <a:avLst/>
          </a:prstGeom>
        </p:spPr>
        <p:txBody>
          <a:bodyPr lIns="0" tIns="0" rIns="36000" bIns="36000"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  <a:endParaRPr lang="de-DE"/>
          </a:p>
        </p:txBody>
      </p:sp>
      <p:sp>
        <p:nvSpPr>
          <p:cNvPr id="7" name="Content Placeholder 5"/>
          <p:cNvSpPr>
            <a:spLocks noGrp="1"/>
          </p:cNvSpPr>
          <p:nvPr>
            <p:ph sz="quarter" idx="14"/>
          </p:nvPr>
        </p:nvSpPr>
        <p:spPr>
          <a:xfrm>
            <a:off x="3204000" y="1762125"/>
            <a:ext cx="2736000" cy="3186113"/>
          </a:xfrm>
          <a:prstGeom prst="rect">
            <a:avLst/>
          </a:prstGeom>
        </p:spPr>
        <p:txBody>
          <a:bodyPr lIns="0" tIns="0" rIns="36000" bIns="36000"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  <a:endParaRPr lang="de-DE"/>
          </a:p>
        </p:txBody>
      </p:sp>
      <p:sp>
        <p:nvSpPr>
          <p:cNvPr id="8" name="Content Placeholder 5"/>
          <p:cNvSpPr>
            <a:spLocks noGrp="1"/>
          </p:cNvSpPr>
          <p:nvPr>
            <p:ph sz="quarter" idx="15"/>
          </p:nvPr>
        </p:nvSpPr>
        <p:spPr>
          <a:xfrm>
            <a:off x="6120000" y="1762125"/>
            <a:ext cx="2772000" cy="3186113"/>
          </a:xfrm>
          <a:prstGeom prst="rect">
            <a:avLst/>
          </a:prstGeom>
        </p:spPr>
        <p:txBody>
          <a:bodyPr lIns="0" tIns="0" rIns="36000" bIns="36000"/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  <a:endParaRPr lang="de-DE"/>
          </a:p>
        </p:txBody>
      </p:sp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252000" y="1088100"/>
            <a:ext cx="8604000" cy="26190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cs-CZ"/>
              <a:t>Klepnutím lze upravit styl předlohy nadpisů.</a:t>
            </a:r>
            <a:endParaRPr lang="de-DE" dirty="0"/>
          </a:p>
        </p:txBody>
      </p:sp>
      <p:sp>
        <p:nvSpPr>
          <p:cNvPr id="10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762400" y="5022000"/>
            <a:ext cx="198000" cy="67500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algn="r" defTabSz="914400" rtl="0" eaLnBrk="1" latinLnBrk="0" hangingPunct="1">
              <a:defRPr lang="de-DE" sz="7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251131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pter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252413" y="1762125"/>
            <a:ext cx="8636400" cy="3207600"/>
          </a:xfrm>
          <a:prstGeom prst="rect">
            <a:avLst/>
          </a:prstGeom>
        </p:spPr>
        <p:txBody>
          <a:bodyPr lIns="0" tIns="0" rIns="36000" bIns="36000"/>
          <a:lstStyle>
            <a:lvl1pPr marL="0" indent="0">
              <a:buFontTx/>
              <a:buNone/>
              <a:defRPr>
                <a:solidFill>
                  <a:schemeClr val="accent2"/>
                </a:solidFill>
              </a:defRPr>
            </a:lvl1pPr>
            <a:lvl2pPr marL="0" indent="0">
              <a:spcBef>
                <a:spcPts val="384"/>
              </a:spcBef>
              <a:buFontTx/>
              <a:buNone/>
              <a:defRPr>
                <a:solidFill>
                  <a:schemeClr val="tx1"/>
                </a:solidFill>
              </a:defRPr>
            </a:lvl2pPr>
          </a:lstStyle>
          <a:p>
            <a:pPr lvl="0"/>
            <a:r>
              <a:rPr lang="cs-CZ" noProof="0"/>
              <a:t>Klepnutím lze upravit styly předlohy textu.</a:t>
            </a:r>
          </a:p>
          <a:p>
            <a:pPr lvl="1"/>
            <a:r>
              <a:rPr lang="cs-CZ" noProof="0"/>
              <a:t>Druhá úroveň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2000" y="1088100"/>
            <a:ext cx="8604000" cy="26190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cs-CZ"/>
              <a:t>Klepnutím lze upravit styl předlohy nadpisů.</a:t>
            </a:r>
            <a:endParaRPr lang="de-DE" dirty="0"/>
          </a:p>
        </p:txBody>
      </p:sp>
      <p:sp>
        <p:nvSpPr>
          <p:cNvPr id="5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762400" y="5022000"/>
            <a:ext cx="198000" cy="67500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algn="r" defTabSz="914400" rtl="0" eaLnBrk="1" latinLnBrk="0" hangingPunct="1">
              <a:defRPr lang="de-DE" sz="7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16775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ovnání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Inhaltsplatzhalter 2"/>
          <p:cNvSpPr>
            <a:spLocks noGrp="1"/>
          </p:cNvSpPr>
          <p:nvPr>
            <p:ph idx="1"/>
          </p:nvPr>
        </p:nvSpPr>
        <p:spPr>
          <a:xfrm>
            <a:off x="252414" y="1762125"/>
            <a:ext cx="4211637" cy="3186113"/>
          </a:xfrm>
          <a:prstGeom prst="rect">
            <a:avLst/>
          </a:prstGeom>
        </p:spPr>
        <p:txBody>
          <a:bodyPr lIns="0" tIns="0" rIns="36000" bIns="36000"/>
          <a:lstStyle>
            <a:lvl1pPr marL="0" indent="0">
              <a:lnSpc>
                <a:spcPts val="1900"/>
              </a:lnSpc>
              <a:buNone/>
              <a:defRPr/>
            </a:lvl1pPr>
            <a:lvl2pPr>
              <a:lnSpc>
                <a:spcPts val="1900"/>
              </a:lnSpc>
              <a:defRPr/>
            </a:lvl2pPr>
            <a:lvl3pPr>
              <a:lnSpc>
                <a:spcPts val="1900"/>
              </a:lnSpc>
              <a:defRPr/>
            </a:lvl3pPr>
            <a:lvl4pPr>
              <a:lnSpc>
                <a:spcPts val="1900"/>
              </a:lnSpc>
              <a:defRPr/>
            </a:lvl4pPr>
            <a:lvl5pPr>
              <a:lnSpc>
                <a:spcPts val="1900"/>
              </a:lnSpc>
              <a:defRPr/>
            </a:lvl5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  <a:endParaRPr lang="en-GB" dirty="0"/>
          </a:p>
        </p:txBody>
      </p:sp>
      <p:sp>
        <p:nvSpPr>
          <p:cNvPr id="12" name="Inhaltsplatzhalter 2"/>
          <p:cNvSpPr>
            <a:spLocks noGrp="1"/>
          </p:cNvSpPr>
          <p:nvPr>
            <p:ph idx="11"/>
          </p:nvPr>
        </p:nvSpPr>
        <p:spPr>
          <a:xfrm>
            <a:off x="4652065" y="1762125"/>
            <a:ext cx="4241111" cy="3186113"/>
          </a:xfrm>
          <a:prstGeom prst="rect">
            <a:avLst/>
          </a:prstGeom>
        </p:spPr>
        <p:txBody>
          <a:bodyPr lIns="0" tIns="0" rIns="36000" bIns="36000"/>
          <a:lstStyle>
            <a:lvl1pPr marL="0" indent="0">
              <a:lnSpc>
                <a:spcPts val="1900"/>
              </a:lnSpc>
              <a:buNone/>
              <a:defRPr/>
            </a:lvl1pPr>
            <a:lvl2pPr>
              <a:lnSpc>
                <a:spcPts val="1900"/>
              </a:lnSpc>
              <a:defRPr/>
            </a:lvl2pPr>
            <a:lvl3pPr>
              <a:lnSpc>
                <a:spcPts val="1900"/>
              </a:lnSpc>
              <a:defRPr/>
            </a:lvl3pPr>
            <a:lvl4pPr>
              <a:lnSpc>
                <a:spcPts val="1900"/>
              </a:lnSpc>
              <a:defRPr/>
            </a:lvl4pPr>
            <a:lvl5pPr>
              <a:lnSpc>
                <a:spcPts val="1900"/>
              </a:lnSpc>
              <a:defRPr/>
            </a:lvl5pPr>
          </a:lstStyle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  <a:endParaRPr lang="en-GB" dirty="0"/>
          </a:p>
        </p:txBody>
      </p:sp>
      <p:sp>
        <p:nvSpPr>
          <p:cNvPr id="15" name="Textplatzhalter 9"/>
          <p:cNvSpPr>
            <a:spLocks noGrp="1"/>
          </p:cNvSpPr>
          <p:nvPr>
            <p:ph type="body" sz="quarter" idx="14" hasCustomPrompt="1"/>
          </p:nvPr>
        </p:nvSpPr>
        <p:spPr>
          <a:xfrm>
            <a:off x="4651201" y="1491853"/>
            <a:ext cx="4249737" cy="255884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Untertitel</a:t>
            </a:r>
          </a:p>
        </p:txBody>
      </p:sp>
      <p:sp>
        <p:nvSpPr>
          <p:cNvPr id="9" name="Textplatzhalter 9"/>
          <p:cNvSpPr>
            <a:spLocks noGrp="1"/>
          </p:cNvSpPr>
          <p:nvPr>
            <p:ph type="body" sz="quarter" idx="12" hasCustomPrompt="1"/>
          </p:nvPr>
        </p:nvSpPr>
        <p:spPr>
          <a:xfrm>
            <a:off x="252000" y="1491853"/>
            <a:ext cx="4212050" cy="26816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de-DE" dirty="0"/>
              <a:t>Untertit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252000" y="1088100"/>
            <a:ext cx="8604000" cy="26190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cs-CZ"/>
              <a:t>Klepnutím lze upravit styl předlohy nadpisů.</a:t>
            </a:r>
            <a:endParaRPr lang="de-DE" dirty="0"/>
          </a:p>
        </p:txBody>
      </p:sp>
      <p:sp>
        <p:nvSpPr>
          <p:cNvPr id="8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762400" y="5022000"/>
            <a:ext cx="198000" cy="67500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algn="r" defTabSz="914400" rtl="0" eaLnBrk="1" latinLnBrk="0" hangingPunct="1">
              <a:defRPr lang="de-DE" sz="7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4250118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uze nadp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252000" y="1088100"/>
            <a:ext cx="8604000" cy="26190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cs-CZ"/>
              <a:t>Klepnutím lze upravit styl předlohy nadpisů.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762400" y="5022000"/>
            <a:ext cx="198000" cy="67500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algn="r" defTabSz="914400" rtl="0" eaLnBrk="1" latinLnBrk="0" hangingPunct="1">
              <a:defRPr lang="de-DE" sz="7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7005656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Media Placeholder 4"/>
          <p:cNvSpPr>
            <a:spLocks noGrp="1"/>
          </p:cNvSpPr>
          <p:nvPr>
            <p:ph type="media" sz="quarter" idx="12"/>
          </p:nvPr>
        </p:nvSpPr>
        <p:spPr>
          <a:xfrm>
            <a:off x="252000" y="1493100"/>
            <a:ext cx="8640000" cy="3456384"/>
          </a:xfrm>
          <a:prstGeom prst="rect">
            <a:avLst/>
          </a:prstGeom>
        </p:spPr>
        <p:txBody>
          <a:bodyPr/>
          <a:lstStyle/>
          <a:p>
            <a:r>
              <a:rPr lang="cs-CZ"/>
              <a:t>Klepnutím na ikonu přidáte multimédia.</a:t>
            </a:r>
            <a:endParaRPr lang="en-GB"/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252000" y="1088100"/>
            <a:ext cx="8604000" cy="26190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cs-CZ"/>
              <a:t>Klepnutím lze upravit styl předlohy nadpisů.</a:t>
            </a:r>
            <a:endParaRPr lang="de-DE" dirty="0"/>
          </a:p>
        </p:txBody>
      </p:sp>
      <p:sp>
        <p:nvSpPr>
          <p:cNvPr id="6" name="Foliennummernplatzhalter 3"/>
          <p:cNvSpPr>
            <a:spLocks noGrp="1"/>
          </p:cNvSpPr>
          <p:nvPr>
            <p:ph type="sldNum" sz="quarter" idx="10"/>
          </p:nvPr>
        </p:nvSpPr>
        <p:spPr>
          <a:xfrm>
            <a:off x="8762400" y="5022000"/>
            <a:ext cx="198000" cy="67500"/>
          </a:xfrm>
          <a:prstGeom prst="rect">
            <a:avLst/>
          </a:prstGeom>
        </p:spPr>
        <p:txBody>
          <a:bodyPr lIns="0" tIns="0" rIns="0" bIns="0" anchor="ctr" anchorCtr="0"/>
          <a:lstStyle>
            <a:lvl1pPr marL="0" algn="r" defTabSz="914400" rtl="0" eaLnBrk="1" latinLnBrk="0" hangingPunct="1">
              <a:defRPr lang="de-DE" sz="7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387324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.xml"/><Relationship Id="rId3" Type="http://schemas.openxmlformats.org/officeDocument/2006/relationships/slideLayout" Target="../slideLayouts/slideLayout28.xml"/><Relationship Id="rId7" Type="http://schemas.openxmlformats.org/officeDocument/2006/relationships/slideLayout" Target="../slideLayouts/slideLayout32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7.xml"/><Relationship Id="rId1" Type="http://schemas.openxmlformats.org/officeDocument/2006/relationships/slideLayout" Target="../slideLayouts/slideLayout26.xml"/><Relationship Id="rId6" Type="http://schemas.openxmlformats.org/officeDocument/2006/relationships/slideLayout" Target="../slideLayouts/slideLayout31.xml"/><Relationship Id="rId11" Type="http://schemas.openxmlformats.org/officeDocument/2006/relationships/slideLayout" Target="../slideLayouts/slideLayout36.xml"/><Relationship Id="rId5" Type="http://schemas.openxmlformats.org/officeDocument/2006/relationships/slideLayout" Target="../slideLayouts/slideLayout30.xml"/><Relationship Id="rId10" Type="http://schemas.openxmlformats.org/officeDocument/2006/relationships/slideLayout" Target="../slideLayouts/slideLayout35.xml"/><Relationship Id="rId4" Type="http://schemas.openxmlformats.org/officeDocument/2006/relationships/slideLayout" Target="../slideLayouts/slideLayout29.xml"/><Relationship Id="rId9" Type="http://schemas.openxmlformats.org/officeDocument/2006/relationships/slideLayout" Target="../slideLayouts/slideLayout34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4.xml"/><Relationship Id="rId3" Type="http://schemas.openxmlformats.org/officeDocument/2006/relationships/slideLayout" Target="../slideLayouts/slideLayout39.xml"/><Relationship Id="rId7" Type="http://schemas.openxmlformats.org/officeDocument/2006/relationships/slideLayout" Target="../slideLayouts/slideLayout43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38.xml"/><Relationship Id="rId1" Type="http://schemas.openxmlformats.org/officeDocument/2006/relationships/slideLayout" Target="../slideLayouts/slideLayout37.xml"/><Relationship Id="rId6" Type="http://schemas.openxmlformats.org/officeDocument/2006/relationships/slideLayout" Target="../slideLayouts/slideLayout42.xml"/><Relationship Id="rId11" Type="http://schemas.openxmlformats.org/officeDocument/2006/relationships/slideLayout" Target="../slideLayouts/slideLayout47.xml"/><Relationship Id="rId5" Type="http://schemas.openxmlformats.org/officeDocument/2006/relationships/slideLayout" Target="../slideLayouts/slideLayout41.xml"/><Relationship Id="rId10" Type="http://schemas.openxmlformats.org/officeDocument/2006/relationships/slideLayout" Target="../slideLayouts/slideLayout46.xml"/><Relationship Id="rId4" Type="http://schemas.openxmlformats.org/officeDocument/2006/relationships/slideLayout" Target="../slideLayouts/slideLayout40.xml"/><Relationship Id="rId9" Type="http://schemas.openxmlformats.org/officeDocument/2006/relationships/slideLayout" Target="../slideLayouts/slideLayout4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7" name="Gerade Verbindung 7"/>
          <p:cNvCxnSpPr/>
          <p:nvPr/>
        </p:nvCxnSpPr>
        <p:spPr>
          <a:xfrm>
            <a:off x="250130" y="969727"/>
            <a:ext cx="8642350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Gerade Verbindung 9"/>
          <p:cNvCxnSpPr/>
          <p:nvPr/>
        </p:nvCxnSpPr>
        <p:spPr>
          <a:xfrm>
            <a:off x="250825" y="5002020"/>
            <a:ext cx="8642350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FESTO_TITEL"/>
          <p:cNvSpPr txBox="1"/>
          <p:nvPr/>
        </p:nvSpPr>
        <p:spPr>
          <a:xfrm>
            <a:off x="2063584" y="5022000"/>
            <a:ext cx="2148377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sz="700" kern="1200" dirty="0">
                <a:solidFill>
                  <a:schemeClr val="tx1"/>
                </a:solidFill>
                <a:latin typeface="MetaPlusLF" pitchFamily="34" charset="0"/>
                <a:ea typeface="+mn-ea"/>
                <a:cs typeface="+mn-cs"/>
              </a:rPr>
              <a:t> </a:t>
            </a:r>
          </a:p>
        </p:txBody>
      </p:sp>
      <p:pic>
        <p:nvPicPr>
          <p:cNvPr id="43" name="Picture 4" descr="Z:\DE\Data\CorporateDesign\2_CDP\2_Druck\02_Gestaltung_Logo\4_Original\Daten\Festo_Logo_4c_22mm.png"/>
          <p:cNvPicPr>
            <a:picLocks noChangeAspect="1" noChangeArrowheads="1"/>
          </p:cNvPicPr>
          <p:nvPr/>
        </p:nvPicPr>
        <p:blipFill>
          <a:blip r:embed="rId16" cstate="print"/>
          <a:srcRect/>
          <a:stretch>
            <a:fillRect/>
          </a:stretch>
        </p:blipFill>
        <p:spPr bwMode="auto">
          <a:xfrm>
            <a:off x="8136396" y="762549"/>
            <a:ext cx="756480" cy="103467"/>
          </a:xfrm>
          <a:prstGeom prst="rect">
            <a:avLst/>
          </a:prstGeom>
          <a:noFill/>
        </p:spPr>
      </p:pic>
      <p:sp>
        <p:nvSpPr>
          <p:cNvPr id="16" name="FESTO_STATUS1"/>
          <p:cNvSpPr txBox="1"/>
          <p:nvPr/>
        </p:nvSpPr>
        <p:spPr>
          <a:xfrm>
            <a:off x="6120332" y="5022000"/>
            <a:ext cx="1008000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GB" sz="700" dirty="0">
                <a:latin typeface="+mn-lt"/>
              </a:rPr>
              <a:t> </a:t>
            </a:r>
          </a:p>
        </p:txBody>
      </p:sp>
      <p:sp>
        <p:nvSpPr>
          <p:cNvPr id="17" name="FESTO_GEAENDERT"/>
          <p:cNvSpPr txBox="1"/>
          <p:nvPr/>
        </p:nvSpPr>
        <p:spPr>
          <a:xfrm>
            <a:off x="5148224" y="5022000"/>
            <a:ext cx="900000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GB" sz="700" dirty="0">
                <a:latin typeface="+mn-lt"/>
              </a:rPr>
              <a:t> </a:t>
            </a:r>
          </a:p>
        </p:txBody>
      </p:sp>
      <p:sp>
        <p:nvSpPr>
          <p:cNvPr id="24" name="FESTO_VERTRAULICH1"/>
          <p:cNvSpPr txBox="1"/>
          <p:nvPr/>
        </p:nvSpPr>
        <p:spPr>
          <a:xfrm>
            <a:off x="7175813" y="5022000"/>
            <a:ext cx="1440000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GB" sz="700" dirty="0">
                <a:latin typeface="+mn-lt"/>
              </a:rPr>
              <a:t> </a:t>
            </a:r>
          </a:p>
        </p:txBody>
      </p:sp>
      <p:sp>
        <p:nvSpPr>
          <p:cNvPr id="22" name="FESTO_NAME"/>
          <p:cNvSpPr txBox="1"/>
          <p:nvPr/>
        </p:nvSpPr>
        <p:spPr>
          <a:xfrm>
            <a:off x="250130" y="5022000"/>
            <a:ext cx="1764000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700" dirty="0">
                <a:latin typeface="+mn-lt"/>
              </a:rPr>
              <a:t> </a:t>
            </a:r>
          </a:p>
        </p:txBody>
      </p:sp>
      <p:sp>
        <p:nvSpPr>
          <p:cNvPr id="23" name="FESTO_ERSTELLT"/>
          <p:cNvSpPr txBox="1"/>
          <p:nvPr/>
        </p:nvSpPr>
        <p:spPr>
          <a:xfrm>
            <a:off x="4211960" y="5022000"/>
            <a:ext cx="900000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GB" sz="700" dirty="0">
                <a:latin typeface="+mn-lt"/>
              </a:rPr>
              <a:t> </a:t>
            </a:r>
          </a:p>
        </p:txBody>
      </p:sp>
      <p:sp>
        <p:nvSpPr>
          <p:cNvPr id="28" name="Foliennummernplatzhalter 3"/>
          <p:cNvSpPr>
            <a:spLocks noGrp="1"/>
          </p:cNvSpPr>
          <p:nvPr>
            <p:ph type="sldNum" sz="quarter" idx="4"/>
          </p:nvPr>
        </p:nvSpPr>
        <p:spPr>
          <a:xfrm>
            <a:off x="8762400" y="5022000"/>
            <a:ext cx="198000" cy="67866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sz="700"/>
            </a:lvl1pPr>
          </a:lstStyle>
          <a:p>
            <a:fld id="{AB6937C8-37DE-4C19-8111-428DD1E1818A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815220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709" r:id="rId3"/>
    <p:sldLayoutId id="2147483687" r:id="rId4"/>
    <p:sldLayoutId id="2147483688" r:id="rId5"/>
    <p:sldLayoutId id="2147483689" r:id="rId6"/>
    <p:sldLayoutId id="2147483690" r:id="rId7"/>
    <p:sldLayoutId id="2147483691" r:id="rId8"/>
    <p:sldLayoutId id="2147483692" r:id="rId9"/>
    <p:sldLayoutId id="2147483693" r:id="rId10"/>
    <p:sldLayoutId id="2147483694" r:id="rId11"/>
    <p:sldLayoutId id="2147483695" r:id="rId12"/>
    <p:sldLayoutId id="2147483696" r:id="rId13"/>
    <p:sldLayoutId id="2147483734" r:id="rId14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MetaPlusLF" pitchFamily="2" charset="0"/>
        <a:buAutoNum type="arabicPeriod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MetaPlusLF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MetaPlusLF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MetaPlusLF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MetaPlusLF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MetaPlusLF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MetaPlusLF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MetaPlusLF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MetaPlusLF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18">
          <p15:clr>
            <a:srgbClr val="A4A3A4"/>
          </p15:clr>
        </p15:guide>
        <p15:guide id="2" pos="2880">
          <p15:clr>
            <a:srgbClr val="A4A3A4"/>
          </p15:clr>
        </p15:guide>
        <p15:guide id="0" pos="158" userDrawn="1">
          <p15:clr>
            <a:srgbClr val="F26B43"/>
          </p15:clr>
        </p15:guide>
        <p15:guide id="3" pos="1905" userDrawn="1">
          <p15:clr>
            <a:srgbClr val="F26B43"/>
          </p15:clr>
        </p15:guide>
        <p15:guide id="4" pos="2018" userDrawn="1">
          <p15:clr>
            <a:srgbClr val="F26B43"/>
          </p15:clr>
        </p15:guide>
        <p15:guide id="5" pos="2812" userDrawn="1">
          <p15:clr>
            <a:srgbClr val="F26B43"/>
          </p15:clr>
        </p15:guide>
        <p15:guide id="6" pos="2925" userDrawn="1">
          <p15:clr>
            <a:srgbClr val="F26B43"/>
          </p15:clr>
        </p15:guide>
        <p15:guide id="7" pos="3742" userDrawn="1">
          <p15:clr>
            <a:srgbClr val="F26B43"/>
          </p15:clr>
        </p15:guide>
        <p15:guide id="8" pos="3855" userDrawn="1">
          <p15:clr>
            <a:srgbClr val="F26B43"/>
          </p15:clr>
        </p15:guide>
        <p15:guide id="9" pos="5602" userDrawn="1">
          <p15:clr>
            <a:srgbClr val="F26B43"/>
          </p15:clr>
        </p15:guide>
        <p15:guide id="10" orient="horz" pos="1480" userDrawn="1">
          <p15:clr>
            <a:srgbClr val="F26B43"/>
          </p15:clr>
        </p15:guide>
        <p15:guide id="11" orient="horz" pos="2772" userDrawn="1">
          <p15:clr>
            <a:srgbClr val="F26B43"/>
          </p15:clr>
        </p15:guide>
        <p15:guide id="12" orient="horz" pos="2886" userDrawn="1">
          <p15:clr>
            <a:srgbClr val="F26B43"/>
          </p15:clr>
        </p15:guide>
        <p15:guide id="13" orient="horz" pos="4156" userDrawn="1">
          <p15:clr>
            <a:srgbClr val="F26B43"/>
          </p15:clr>
        </p15:guide>
        <p15:guide id="14" orient="horz" pos="913" userDrawn="1">
          <p15:clr>
            <a:srgbClr val="F26B43"/>
          </p15:clr>
        </p15:guide>
        <p15:guide id="15" orient="horz" pos="1253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nadpis 1"/>
          <p:cNvSpPr>
            <a:spLocks noGrp="1"/>
          </p:cNvSpPr>
          <p:nvPr>
            <p:ph type="title"/>
          </p:nvPr>
        </p:nvSpPr>
        <p:spPr>
          <a:xfrm>
            <a:off x="457200" y="206375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idx="1"/>
          </p:nvPr>
        </p:nvSpPr>
        <p:spPr>
          <a:xfrm>
            <a:off x="457200" y="1200150"/>
            <a:ext cx="8229600" cy="339407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CF8997-F6EB-4B75-8A67-525022AA9229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6C22E3A-E3B5-4102-B396-544405E7EDE4}" type="slidenum">
              <a:rPr lang="cs-CZ" smtClean="0"/>
              <a:pPr/>
              <a:t>‹#›</a:t>
            </a:fld>
            <a:endParaRPr lang="cs-CZ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24" r:id="rId2"/>
    <p:sldLayoutId id="2147483725" r:id="rId3"/>
    <p:sldLayoutId id="2147483726" r:id="rId4"/>
    <p:sldLayoutId id="2147483727" r:id="rId5"/>
    <p:sldLayoutId id="2147483728" r:id="rId6"/>
    <p:sldLayoutId id="2147483729" r:id="rId7"/>
    <p:sldLayoutId id="2147483730" r:id="rId8"/>
    <p:sldLayoutId id="2147483731" r:id="rId9"/>
    <p:sldLayoutId id="2147483732" r:id="rId10"/>
    <p:sldLayoutId id="2147483733" r:id="rId11"/>
  </p:sldLayoutIdLst>
  <p:hf hdr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cs-CZ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nadpis 1"/>
          <p:cNvSpPr>
            <a:spLocks noGrp="1"/>
          </p:cNvSpPr>
          <p:nvPr>
            <p:ph type="title"/>
          </p:nvPr>
        </p:nvSpPr>
        <p:spPr>
          <a:xfrm>
            <a:off x="457200" y="206375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idx="1"/>
          </p:nvPr>
        </p:nvSpPr>
        <p:spPr>
          <a:xfrm>
            <a:off x="457200" y="1200150"/>
            <a:ext cx="8229600" cy="339407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989113-3B53-4BB5-AF6D-305D0403DFBE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cs-CZ"/>
              <a:t>M.Blahetka / Základy pneumatiky/ v.5</a:t>
            </a:r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9AE1A1F-515E-4BD0-9D91-A25C4F5DBD89}" type="slidenum">
              <a:rPr lang="cs-CZ" smtClean="0"/>
              <a:pPr/>
              <a:t>‹#›</a:t>
            </a:fld>
            <a:endParaRPr lang="cs-CZ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11" r:id="rId1"/>
    <p:sldLayoutId id="2147483712" r:id="rId2"/>
    <p:sldLayoutId id="2147483713" r:id="rId3"/>
    <p:sldLayoutId id="2147483714" r:id="rId4"/>
    <p:sldLayoutId id="2147483715" r:id="rId5"/>
    <p:sldLayoutId id="2147483716" r:id="rId6"/>
    <p:sldLayoutId id="2147483717" r:id="rId7"/>
    <p:sldLayoutId id="2147483718" r:id="rId8"/>
    <p:sldLayoutId id="2147483719" r:id="rId9"/>
    <p:sldLayoutId id="2147483720" r:id="rId10"/>
    <p:sldLayoutId id="2147483721" r:id="rId11"/>
  </p:sldLayoutIdLst>
  <p:hf hdr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cs-CZ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Zástupný symbol pro nadpis 1"/>
          <p:cNvSpPr>
            <a:spLocks noGrp="1"/>
          </p:cNvSpPr>
          <p:nvPr>
            <p:ph type="title"/>
          </p:nvPr>
        </p:nvSpPr>
        <p:spPr>
          <a:xfrm>
            <a:off x="457200" y="206375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cs-CZ"/>
              <a:t>Klepnutím lze upravit styl předlohy nadpisů.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idx="1"/>
          </p:nvPr>
        </p:nvSpPr>
        <p:spPr>
          <a:xfrm>
            <a:off x="457200" y="1200150"/>
            <a:ext cx="8229600" cy="339407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cs-CZ"/>
              <a:t>Klepnutím lze upravit styly předlohy textu.</a:t>
            </a:r>
          </a:p>
          <a:p>
            <a:pPr lvl="1"/>
            <a:r>
              <a:rPr lang="cs-CZ"/>
              <a:t>Druhá úroveň</a:t>
            </a:r>
          </a:p>
          <a:p>
            <a:pPr lvl="2"/>
            <a:r>
              <a:rPr lang="cs-CZ"/>
              <a:t>Třetí úroveň</a:t>
            </a:r>
          </a:p>
          <a:p>
            <a:pPr lvl="3"/>
            <a:r>
              <a:rPr lang="cs-CZ"/>
              <a:t>Čtvrtá úroveň</a:t>
            </a:r>
          </a:p>
          <a:p>
            <a:pPr lvl="4"/>
            <a:r>
              <a:rPr lang="cs-CZ"/>
              <a:t>Pátá úroveň</a:t>
            </a:r>
          </a:p>
        </p:txBody>
      </p:sp>
      <p:sp>
        <p:nvSpPr>
          <p:cNvPr id="4" name="Zástupný symbol pro datum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4547D9A-3301-41CC-B1E6-612280825C5B}" type="datetime1">
              <a:rPr lang="cs-CZ" smtClean="0"/>
              <a:pPr/>
              <a:t>9.11.2017</a:t>
            </a:fld>
            <a:endParaRPr lang="cs-CZ"/>
          </a:p>
        </p:txBody>
      </p:sp>
      <p:sp>
        <p:nvSpPr>
          <p:cNvPr id="5" name="Zástupný symbol pro zápatí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cs-CZ"/>
              <a:t>M.Blahetka / Základy pneumatiky/ v.5</a:t>
            </a:r>
            <a:endParaRPr lang="cs-CZ" dirty="0"/>
          </a:p>
        </p:txBody>
      </p:sp>
      <p:sp>
        <p:nvSpPr>
          <p:cNvPr id="6" name="Zástupný symbol pro číslo snímku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89BF04B-EDE3-49D1-A57A-21C5817DA34D}" type="slidenum">
              <a:rPr lang="cs-CZ" smtClean="0"/>
              <a:pPr/>
              <a:t>‹#›</a:t>
            </a:fld>
            <a:endParaRPr lang="cs-CZ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98" r:id="rId1"/>
    <p:sldLayoutId id="2147483699" r:id="rId2"/>
    <p:sldLayoutId id="2147483700" r:id="rId3"/>
    <p:sldLayoutId id="2147483701" r:id="rId4"/>
    <p:sldLayoutId id="2147483702" r:id="rId5"/>
    <p:sldLayoutId id="2147483703" r:id="rId6"/>
    <p:sldLayoutId id="2147483704" r:id="rId7"/>
    <p:sldLayoutId id="2147483705" r:id="rId8"/>
    <p:sldLayoutId id="2147483706" r:id="rId9"/>
    <p:sldLayoutId id="2147483707" r:id="rId10"/>
    <p:sldLayoutId id="2147483708" r:id="rId11"/>
  </p:sldLayoutIdLst>
  <p:hf hdr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cs-CZ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jp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19.jpeg"/><Relationship Id="rId4" Type="http://schemas.openxmlformats.org/officeDocument/2006/relationships/image" Target="../media/image18.jpe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tiff"/><Relationship Id="rId3" Type="http://schemas.openxmlformats.org/officeDocument/2006/relationships/image" Target="../media/image20.jpeg"/><Relationship Id="rId7" Type="http://schemas.openxmlformats.org/officeDocument/2006/relationships/image" Target="../media/image24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3.png"/><Relationship Id="rId5" Type="http://schemas.openxmlformats.org/officeDocument/2006/relationships/image" Target="../media/image22.jpeg"/><Relationship Id="rId4" Type="http://schemas.openxmlformats.org/officeDocument/2006/relationships/image" Target="../media/image21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8.emf"/><Relationship Id="rId4" Type="http://schemas.openxmlformats.org/officeDocument/2006/relationships/image" Target="../media/image27.em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37.png"/><Relationship Id="rId4" Type="http://schemas.openxmlformats.org/officeDocument/2006/relationships/image" Target="../media/image36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9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3.jpeg"/><Relationship Id="rId5" Type="http://schemas.openxmlformats.org/officeDocument/2006/relationships/image" Target="../media/image42.jpeg"/><Relationship Id="rId4" Type="http://schemas.openxmlformats.org/officeDocument/2006/relationships/image" Target="../media/image41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7.png"/><Relationship Id="rId5" Type="http://schemas.openxmlformats.org/officeDocument/2006/relationships/image" Target="../media/image46.png"/><Relationship Id="rId4" Type="http://schemas.openxmlformats.org/officeDocument/2006/relationships/image" Target="../media/image45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50.emf"/><Relationship Id="rId4" Type="http://schemas.openxmlformats.org/officeDocument/2006/relationships/image" Target="../media/image49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2.jpe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4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tiff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jpe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7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1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1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68.png"/><Relationship Id="rId3" Type="http://schemas.openxmlformats.org/officeDocument/2006/relationships/image" Target="../media/image63.png"/><Relationship Id="rId7" Type="http://schemas.openxmlformats.org/officeDocument/2006/relationships/image" Target="../media/image67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6.png"/><Relationship Id="rId5" Type="http://schemas.openxmlformats.org/officeDocument/2006/relationships/image" Target="../media/image65.png"/><Relationship Id="rId4" Type="http://schemas.openxmlformats.org/officeDocument/2006/relationships/image" Target="../media/image64.pn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2" Type="http://schemas.openxmlformats.org/officeDocument/2006/relationships/image" Target="../media/image69.jpeg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72.png"/><Relationship Id="rId4" Type="http://schemas.openxmlformats.org/officeDocument/2006/relationships/image" Target="../media/image71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jpe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jp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1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hyperlink" Target="mailto:filip.skerik@festo.com" TargetMode="External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1.xml"/><Relationship Id="rId4" Type="http://schemas.openxmlformats.org/officeDocument/2006/relationships/hyperlink" Target="mailto:daniel.semerad@festo.com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11.png"/><Relationship Id="rId4" Type="http://schemas.openxmlformats.org/officeDocument/2006/relationships/image" Target="../media/image10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tiff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6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</a:t>
            </a:fld>
            <a:endParaRPr lang="en-GB"/>
          </a:p>
        </p:txBody>
      </p:sp>
      <p:sp>
        <p:nvSpPr>
          <p:cNvPr id="22" name="Zástupný symbol pro zápatí 21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cs-CZ" dirty="0"/>
              <a:t>F. Škeřík /  FESTO</a:t>
            </a:r>
          </a:p>
        </p:txBody>
      </p:sp>
      <p:pic>
        <p:nvPicPr>
          <p:cNvPr id="6" name="Obrázek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03738" y="1047946"/>
            <a:ext cx="3755547" cy="2112495"/>
          </a:xfrm>
          <a:prstGeom prst="rect">
            <a:avLst/>
          </a:prstGeom>
        </p:spPr>
      </p:pic>
      <p:pic>
        <p:nvPicPr>
          <p:cNvPr id="8" name="Obrázek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40602" y="3075806"/>
            <a:ext cx="2118993" cy="1728652"/>
          </a:xfrm>
          <a:prstGeom prst="rect">
            <a:avLst/>
          </a:prstGeom>
        </p:spPr>
      </p:pic>
      <p:sp>
        <p:nvSpPr>
          <p:cNvPr id="9" name="Zástupný symbol pro text 8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10" name="Nadpis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cs-CZ"/>
          </a:p>
        </p:txBody>
      </p:sp>
    </p:spTree>
    <p:extLst>
      <p:ext uri="{BB962C8B-B14F-4D97-AF65-F5344CB8AC3E}">
        <p14:creationId xmlns:p14="http://schemas.microsoft.com/office/powerpoint/2010/main" val="138971912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1" descr="Stvořili jsme ventilové terminály_c.jp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5436096" y="2787774"/>
            <a:ext cx="3212221" cy="2016224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0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1989   Stvoření ventilových terminálů</a:t>
            </a:r>
          </a:p>
        </p:txBody>
      </p:sp>
      <p:pic>
        <p:nvPicPr>
          <p:cNvPr id="11" name="Content Placeholder 8" descr="Stvořili jsme ventilové terminály_a.jpg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467544" y="1735759"/>
            <a:ext cx="2311786" cy="2857500"/>
          </a:xfrm>
          <a:prstGeom prst="rect">
            <a:avLst/>
          </a:prstGeom>
        </p:spPr>
      </p:pic>
      <p:pic>
        <p:nvPicPr>
          <p:cNvPr id="12" name="Content Placeholder 10" descr="Stvořili jsme ventilové terminály_b.jpg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3275856" y="1463842"/>
            <a:ext cx="2301944" cy="2449186"/>
          </a:xfrm>
          <a:prstGeom prst="rect">
            <a:avLst/>
          </a:prstGeom>
        </p:spPr>
      </p:pic>
      <p:sp>
        <p:nvSpPr>
          <p:cNvPr id="9" name="Zástupný symbol pro zápatí 21">
            <a:extLst>
              <a:ext uri="{FF2B5EF4-FFF2-40B4-BE49-F238E27FC236}">
                <a16:creationId xmlns:a16="http://schemas.microsoft.com/office/drawing/2014/main" id="{78DA322F-C820-4CA6-A39D-7F3120B699E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74143896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1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Procesní technika</a:t>
            </a:r>
          </a:p>
        </p:txBody>
      </p:sp>
      <p:pic>
        <p:nvPicPr>
          <p:cNvPr id="9" name="Picture 2" descr="ZETA_FESTO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185" y="1250897"/>
            <a:ext cx="1890823" cy="36046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5" descr="TEREX_mitFESTO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16551" y="1255386"/>
            <a:ext cx="2232248" cy="35799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10" descr="bd8886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21941" y="3292540"/>
            <a:ext cx="1695450" cy="16351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4"/>
          <p:cNvPicPr>
            <a:picLocks noChangeAspect="1" noChangeArrowheads="1"/>
          </p:cNvPicPr>
          <p:nvPr/>
        </p:nvPicPr>
        <p:blipFill>
          <a:blip r:embed="rId6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5285233" y="1525954"/>
            <a:ext cx="1397000" cy="14859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6" name="Grafik 5" descr="VZXF_14354k_1.jpg"/>
          <p:cNvPicPr>
            <a:picLocks noChangeAspect="1"/>
          </p:cNvPicPr>
          <p:nvPr/>
        </p:nvPicPr>
        <p:blipFill>
          <a:blip r:embed="rId7" cstate="screen"/>
          <a:stretch>
            <a:fillRect/>
          </a:stretch>
        </p:blipFill>
        <p:spPr>
          <a:xfrm>
            <a:off x="7149633" y="1163598"/>
            <a:ext cx="1412198" cy="2128942"/>
          </a:xfrm>
          <a:prstGeom prst="rect">
            <a:avLst/>
          </a:prstGeom>
        </p:spPr>
      </p:pic>
      <p:pic>
        <p:nvPicPr>
          <p:cNvPr id="17" name="Picture 1" descr="\\festo.net\DFS01\INT\Data\Transfer\DE\Fellner\sw\20722_01g.tif"/>
          <p:cNvPicPr>
            <a:picLocks noChangeAspect="1" noChangeArrowheads="1"/>
          </p:cNvPicPr>
          <p:nvPr/>
        </p:nvPicPr>
        <p:blipFill>
          <a:blip r:embed="rId8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r="13134"/>
          <a:stretch>
            <a:fillRect/>
          </a:stretch>
        </p:blipFill>
        <p:spPr bwMode="auto">
          <a:xfrm>
            <a:off x="7290534" y="3435846"/>
            <a:ext cx="1621879" cy="1266617"/>
          </a:xfrm>
          <a:prstGeom prst="rect">
            <a:avLst/>
          </a:prstGeom>
          <a:noFill/>
        </p:spPr>
      </p:pic>
      <p:sp>
        <p:nvSpPr>
          <p:cNvPr id="12" name="Zástupný symbol pro zápatí 21">
            <a:extLst>
              <a:ext uri="{FF2B5EF4-FFF2-40B4-BE49-F238E27FC236}">
                <a16:creationId xmlns:a16="http://schemas.microsoft.com/office/drawing/2014/main" id="{67A34376-C833-4D61-97D9-8F4C340A671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58415980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2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Procesní technika</a:t>
            </a:r>
          </a:p>
        </p:txBody>
      </p:sp>
      <p:pic>
        <p:nvPicPr>
          <p:cNvPr id="3" name="Obrázek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6852" y="1059582"/>
            <a:ext cx="2729270" cy="3691925"/>
          </a:xfrm>
          <a:prstGeom prst="rect">
            <a:avLst/>
          </a:prstGeom>
        </p:spPr>
      </p:pic>
      <p:pic>
        <p:nvPicPr>
          <p:cNvPr id="4" name="Obrázek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95936" y="1079917"/>
            <a:ext cx="2771800" cy="2023554"/>
          </a:xfrm>
          <a:prstGeom prst="rect">
            <a:avLst/>
          </a:prstGeom>
        </p:spPr>
      </p:pic>
      <p:pic>
        <p:nvPicPr>
          <p:cNvPr id="5" name="Obrázek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01191" y="2931790"/>
            <a:ext cx="2950522" cy="1992575"/>
          </a:xfrm>
          <a:prstGeom prst="rect">
            <a:avLst/>
          </a:prstGeom>
        </p:spPr>
      </p:pic>
      <p:sp>
        <p:nvSpPr>
          <p:cNvPr id="9" name="Zástupný symbol pro zápatí 21">
            <a:extLst>
              <a:ext uri="{FF2B5EF4-FFF2-40B4-BE49-F238E27FC236}">
                <a16:creationId xmlns:a16="http://schemas.microsoft.com/office/drawing/2014/main" id="{B9F93298-EE1E-4412-9698-40FB201C4B2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380791702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3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Kamerové systémy</a:t>
            </a:r>
          </a:p>
        </p:txBody>
      </p:sp>
      <p:pic>
        <p:nvPicPr>
          <p:cNvPr id="3" name="Obrázek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161942" y="1403265"/>
            <a:ext cx="3001156" cy="2246187"/>
          </a:xfrm>
          <a:prstGeom prst="rect">
            <a:avLst/>
          </a:prstGeom>
        </p:spPr>
      </p:pic>
      <p:pic>
        <p:nvPicPr>
          <p:cNvPr id="1026" name="Picture 2" descr="C:\Users\CZ0MB\AppData\Local\Temp\SNAGHTMLe88ba0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52699" y="2499742"/>
            <a:ext cx="2507701" cy="22395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Obrázek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6678" y="1131590"/>
            <a:ext cx="2066925" cy="3810000"/>
          </a:xfrm>
          <a:prstGeom prst="rect">
            <a:avLst/>
          </a:prstGeom>
        </p:spPr>
      </p:pic>
      <p:sp>
        <p:nvSpPr>
          <p:cNvPr id="9" name="Zástupný symbol pro zápatí 21">
            <a:extLst>
              <a:ext uri="{FF2B5EF4-FFF2-40B4-BE49-F238E27FC236}">
                <a16:creationId xmlns:a16="http://schemas.microsoft.com/office/drawing/2014/main" id="{83E53C7F-928D-44C2-8BE1-96319733EB7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422736386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4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Řídicí systémy</a:t>
            </a:r>
          </a:p>
        </p:txBody>
      </p:sp>
      <p:pic>
        <p:nvPicPr>
          <p:cNvPr id="4" name="Obrázek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9814" y="1131589"/>
            <a:ext cx="2293954" cy="2876431"/>
          </a:xfrm>
          <a:prstGeom prst="rect">
            <a:avLst/>
          </a:prstGeom>
        </p:spPr>
      </p:pic>
      <p:pic>
        <p:nvPicPr>
          <p:cNvPr id="6" name="Obrázek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966638" y="1982114"/>
            <a:ext cx="2205409" cy="2697748"/>
          </a:xfrm>
          <a:prstGeom prst="rect">
            <a:avLst/>
          </a:prstGeom>
        </p:spPr>
      </p:pic>
      <p:pic>
        <p:nvPicPr>
          <p:cNvPr id="7" name="Obrázek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638121" y="1982114"/>
            <a:ext cx="3277223" cy="2538780"/>
          </a:xfrm>
          <a:prstGeom prst="rect">
            <a:avLst/>
          </a:prstGeom>
        </p:spPr>
      </p:pic>
      <p:sp>
        <p:nvSpPr>
          <p:cNvPr id="9" name="Zástupný symbol pro zápatí 21">
            <a:extLst>
              <a:ext uri="{FF2B5EF4-FFF2-40B4-BE49-F238E27FC236}">
                <a16:creationId xmlns:a16="http://schemas.microsoft.com/office/drawing/2014/main" id="{DEB512CF-BD37-4BC1-BEE4-6D4C835784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389251931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5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Elektromechanické pohony</a:t>
            </a:r>
          </a:p>
        </p:txBody>
      </p:sp>
      <p:pic>
        <p:nvPicPr>
          <p:cNvPr id="9" name="Picture 1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336174" y="1203598"/>
            <a:ext cx="5691266" cy="223224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" name="Obrázek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60232" y="1563638"/>
            <a:ext cx="1895894" cy="3095336"/>
          </a:xfrm>
          <a:prstGeom prst="rect">
            <a:avLst/>
          </a:prstGeom>
        </p:spPr>
      </p:pic>
      <p:pic>
        <p:nvPicPr>
          <p:cNvPr id="11" name="Picture 2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3275856" y="2715766"/>
            <a:ext cx="1911813" cy="206125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0" name="Zástupný symbol pro zápatí 21">
            <a:extLst>
              <a:ext uri="{FF2B5EF4-FFF2-40B4-BE49-F238E27FC236}">
                <a16:creationId xmlns:a16="http://schemas.microsoft.com/office/drawing/2014/main" id="{EC0A11E7-5EA8-43A5-813D-E7C38E7425A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292265142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6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Manipulátory</a:t>
            </a:r>
          </a:p>
        </p:txBody>
      </p:sp>
      <p:pic>
        <p:nvPicPr>
          <p:cNvPr id="10" name="Picture 4" descr="http://adewww27.de.festo.net/CFMediaLib/cgi-bin/cgiWebLinkImage.exe/13565mu.jpg?sid=1609530&amp;action=jpeg&amp;image=\\sdeu0048\DATA\i-automat\Foto-prod_2\13000-13999\preview\13565mu.jpg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323528" y="1275606"/>
            <a:ext cx="3672408" cy="3107821"/>
          </a:xfrm>
          <a:prstGeom prst="rect">
            <a:avLst/>
          </a:prstGeom>
          <a:noFill/>
        </p:spPr>
      </p:pic>
      <p:pic>
        <p:nvPicPr>
          <p:cNvPr id="12" name="Picture 2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4788024" y="1074988"/>
            <a:ext cx="3880029" cy="360334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8" name="Zástupný symbol pro zápatí 21">
            <a:extLst>
              <a:ext uri="{FF2B5EF4-FFF2-40B4-BE49-F238E27FC236}">
                <a16:creationId xmlns:a16="http://schemas.microsoft.com/office/drawing/2014/main" id="{9A0C5466-98CB-41C3-AC15-679C785DC7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249023326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2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4553520" y="1861151"/>
            <a:ext cx="2418047" cy="28803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7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Bezpečnost zařízení</a:t>
            </a:r>
          </a:p>
        </p:txBody>
      </p:sp>
      <p:pic>
        <p:nvPicPr>
          <p:cNvPr id="9" name="Picture 6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6804248" y="1861151"/>
            <a:ext cx="1778193" cy="28066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3" name="Picture 2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539552" y="1849401"/>
            <a:ext cx="4381852" cy="27431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1" name="Picture 41" descr="npo000149"/>
          <p:cNvPicPr>
            <a:picLocks noChangeAspect="1" noChangeArrowheads="1"/>
          </p:cNvPicPr>
          <p:nvPr/>
        </p:nvPicPr>
        <p:blipFill>
          <a:blip r:embed="rId6" cstate="print"/>
          <a:srcRect l="9721" t="6850" r="13889" b="7523"/>
          <a:stretch>
            <a:fillRect/>
          </a:stretch>
        </p:blipFill>
        <p:spPr bwMode="auto">
          <a:xfrm>
            <a:off x="205050" y="1164229"/>
            <a:ext cx="1319625" cy="1799752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</p:pic>
      <p:sp>
        <p:nvSpPr>
          <p:cNvPr id="10" name="Zástupný symbol pro zápatí 21">
            <a:extLst>
              <a:ext uri="{FF2B5EF4-FFF2-40B4-BE49-F238E27FC236}">
                <a16:creationId xmlns:a16="http://schemas.microsoft.com/office/drawing/2014/main" id="{2DF8CCE7-F518-4885-AC1F-9B442356D9D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345255970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8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Zákaznická řešení</a:t>
            </a:r>
          </a:p>
        </p:txBody>
      </p:sp>
      <p:pic>
        <p:nvPicPr>
          <p:cNvPr id="3" name="Obrázek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90376" y="987574"/>
            <a:ext cx="1670024" cy="3891100"/>
          </a:xfrm>
          <a:prstGeom prst="rect">
            <a:avLst/>
          </a:prstGeom>
        </p:spPr>
      </p:pic>
      <p:pic>
        <p:nvPicPr>
          <p:cNvPr id="4" name="Obrázek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2890" y="2859125"/>
            <a:ext cx="2102317" cy="2019549"/>
          </a:xfrm>
          <a:prstGeom prst="rect">
            <a:avLst/>
          </a:prstGeom>
        </p:spPr>
      </p:pic>
      <p:pic>
        <p:nvPicPr>
          <p:cNvPr id="6" name="Obrázek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6669" y="1131590"/>
            <a:ext cx="1876443" cy="1401431"/>
          </a:xfrm>
          <a:prstGeom prst="rect">
            <a:avLst/>
          </a:prstGeom>
        </p:spPr>
      </p:pic>
      <p:pic>
        <p:nvPicPr>
          <p:cNvPr id="14" name="Picture 4"/>
          <p:cNvPicPr>
            <a:picLocks noChangeAspect="1" noChangeArrowheads="1"/>
          </p:cNvPicPr>
          <p:nvPr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2606187" y="1901149"/>
            <a:ext cx="4580781" cy="20639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0" name="Zástupný symbol pro zápatí 21">
            <a:extLst>
              <a:ext uri="{FF2B5EF4-FFF2-40B4-BE49-F238E27FC236}">
                <a16:creationId xmlns:a16="http://schemas.microsoft.com/office/drawing/2014/main" id="{41283942-2353-4F9E-9570-8C59FB4AAD2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126747145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Obrázek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60118" y="2571750"/>
            <a:ext cx="3273609" cy="2266974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19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Úspory stlačeného vzduchu</a:t>
            </a:r>
          </a:p>
        </p:txBody>
      </p:sp>
      <p:pic>
        <p:nvPicPr>
          <p:cNvPr id="5" name="Obrázek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30710" y="1275606"/>
            <a:ext cx="2302534" cy="3339133"/>
          </a:xfrm>
          <a:prstGeom prst="rect">
            <a:avLst/>
          </a:prstGeom>
        </p:spPr>
      </p:pic>
      <p:pic>
        <p:nvPicPr>
          <p:cNvPr id="8" name="Obrázek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51520" y="1059582"/>
            <a:ext cx="2981644" cy="2281435"/>
          </a:xfrm>
          <a:prstGeom prst="rect">
            <a:avLst/>
          </a:prstGeom>
        </p:spPr>
      </p:pic>
      <p:sp>
        <p:nvSpPr>
          <p:cNvPr id="10" name="Zástupný symbol pro zápatí 21">
            <a:extLst>
              <a:ext uri="{FF2B5EF4-FFF2-40B4-BE49-F238E27FC236}">
                <a16:creationId xmlns:a16="http://schemas.microsoft.com/office/drawing/2014/main" id="{2A2C0C82-DFF8-49C4-AF8D-407DAB11636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23107203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1925   Založení společnosti</a:t>
            </a:r>
          </a:p>
        </p:txBody>
      </p:sp>
      <p:pic>
        <p:nvPicPr>
          <p:cNvPr id="11" name="Picture 10" descr="4551-Messe-Köln-30er-Jahre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899592" y="987574"/>
            <a:ext cx="6874756" cy="39779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8" name="Zástupný symbol pro zápatí 21">
            <a:extLst>
              <a:ext uri="{FF2B5EF4-FFF2-40B4-BE49-F238E27FC236}">
                <a16:creationId xmlns:a16="http://schemas.microsoft.com/office/drawing/2014/main" id="{0B9CF618-0B68-4B0E-973E-DE7FC0182D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228731078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0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endParaRPr lang="cs-CZ" sz="4000" dirty="0"/>
          </a:p>
        </p:txBody>
      </p:sp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>
              <a:lnSpc>
                <a:spcPts val="5280"/>
              </a:lnSpc>
            </a:pPr>
            <a:r>
              <a:rPr lang="cs-CZ" sz="3200" dirty="0"/>
              <a:t>… nové komponenty</a:t>
            </a:r>
          </a:p>
          <a:p>
            <a:pPr>
              <a:lnSpc>
                <a:spcPts val="5280"/>
              </a:lnSpc>
            </a:pPr>
            <a:r>
              <a:rPr lang="cs-CZ" sz="4400" dirty="0"/>
              <a:t>       </a:t>
            </a:r>
            <a:r>
              <a:rPr lang="cs-CZ" sz="3600" dirty="0"/>
              <a:t>… nové technologie </a:t>
            </a:r>
          </a:p>
          <a:p>
            <a:pPr>
              <a:lnSpc>
                <a:spcPts val="5280"/>
              </a:lnSpc>
            </a:pPr>
            <a:r>
              <a:rPr lang="cs-CZ" sz="4000" dirty="0"/>
              <a:t>              … semináře pro zákazníky</a:t>
            </a:r>
          </a:p>
          <a:p>
            <a:pPr>
              <a:lnSpc>
                <a:spcPts val="5280"/>
              </a:lnSpc>
            </a:pPr>
            <a:r>
              <a:rPr lang="cs-CZ" sz="4400" dirty="0"/>
              <a:t>                        … vznik </a:t>
            </a:r>
            <a:r>
              <a:rPr lang="cs-CZ" sz="4400" dirty="0">
                <a:solidFill>
                  <a:schemeClr val="accent1">
                    <a:lumMod val="50000"/>
                  </a:schemeClr>
                </a:solidFill>
              </a:rPr>
              <a:t>FESTO </a:t>
            </a:r>
            <a:r>
              <a:rPr lang="cs-CZ" sz="4400" dirty="0" err="1">
                <a:solidFill>
                  <a:schemeClr val="accent1">
                    <a:lumMod val="50000"/>
                  </a:schemeClr>
                </a:solidFill>
              </a:rPr>
              <a:t>Didactic</a:t>
            </a:r>
            <a:endParaRPr lang="cs-CZ" sz="4400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7" name="Zástupný symbol pro zápatí 21">
            <a:extLst>
              <a:ext uri="{FF2B5EF4-FFF2-40B4-BE49-F238E27FC236}">
                <a16:creationId xmlns:a16="http://schemas.microsoft.com/office/drawing/2014/main" id="{089C2732-1533-481A-81F0-130D066BDFF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33637000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1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3200" dirty="0">
                <a:solidFill>
                  <a:schemeClr val="accent1">
                    <a:lumMod val="50000"/>
                  </a:schemeClr>
                </a:solidFill>
              </a:rPr>
              <a:t>FESTO </a:t>
            </a:r>
            <a:r>
              <a:rPr lang="cs-CZ" sz="3200" dirty="0" err="1">
                <a:solidFill>
                  <a:schemeClr val="accent1">
                    <a:lumMod val="50000"/>
                  </a:schemeClr>
                </a:solidFill>
              </a:rPr>
              <a:t>Didactic</a:t>
            </a:r>
            <a:r>
              <a:rPr lang="cs-CZ" sz="3200" dirty="0">
                <a:solidFill>
                  <a:schemeClr val="accent1">
                    <a:lumMod val="50000"/>
                  </a:schemeClr>
                </a:solidFill>
              </a:rPr>
              <a:t>  - dodávky výukových systémů </a:t>
            </a:r>
            <a:endParaRPr lang="cs-CZ" sz="3200" dirty="0"/>
          </a:p>
        </p:txBody>
      </p:sp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9" name="Zástupný symbol pro zápatí 21">
            <a:extLst>
              <a:ext uri="{FF2B5EF4-FFF2-40B4-BE49-F238E27FC236}">
                <a16:creationId xmlns:a16="http://schemas.microsoft.com/office/drawing/2014/main" id="{37CBE863-A1C8-4A15-8D88-F37EC7FAFFA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  <p:pic>
        <p:nvPicPr>
          <p:cNvPr id="12" name="Obrázek 11">
            <a:extLst>
              <a:ext uri="{FF2B5EF4-FFF2-40B4-BE49-F238E27FC236}">
                <a16:creationId xmlns:a16="http://schemas.microsoft.com/office/drawing/2014/main" id="{B1F7504D-14DA-4A46-A4E2-813A14C2DFD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3279" y="1880383"/>
            <a:ext cx="4536681" cy="2538592"/>
          </a:xfrm>
          <a:prstGeom prst="rect">
            <a:avLst/>
          </a:prstGeom>
        </p:spPr>
      </p:pic>
      <p:pic>
        <p:nvPicPr>
          <p:cNvPr id="14" name="Obrázek 13">
            <a:extLst>
              <a:ext uri="{FF2B5EF4-FFF2-40B4-BE49-F238E27FC236}">
                <a16:creationId xmlns:a16="http://schemas.microsoft.com/office/drawing/2014/main" id="{9527487A-0D5F-40B4-BFDE-2503C1E1112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88024" y="1840492"/>
            <a:ext cx="3743704" cy="25945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32655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2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3200" dirty="0">
                <a:solidFill>
                  <a:schemeClr val="accent1">
                    <a:lumMod val="50000"/>
                  </a:schemeClr>
                </a:solidFill>
              </a:rPr>
              <a:t>FESTO </a:t>
            </a:r>
            <a:r>
              <a:rPr lang="cs-CZ" sz="3200" dirty="0" err="1">
                <a:solidFill>
                  <a:schemeClr val="accent1">
                    <a:lumMod val="50000"/>
                  </a:schemeClr>
                </a:solidFill>
              </a:rPr>
              <a:t>Didactic</a:t>
            </a:r>
            <a:r>
              <a:rPr lang="cs-CZ" sz="3200" dirty="0">
                <a:solidFill>
                  <a:schemeClr val="accent1">
                    <a:lumMod val="50000"/>
                  </a:schemeClr>
                </a:solidFill>
              </a:rPr>
              <a:t>  - dodávky výukových systémů </a:t>
            </a:r>
            <a:endParaRPr lang="cs-CZ" sz="3200" dirty="0"/>
          </a:p>
        </p:txBody>
      </p:sp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 dirty="0"/>
          </a:p>
        </p:txBody>
      </p:sp>
      <p:pic>
        <p:nvPicPr>
          <p:cNvPr id="4" name="Obrázek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7544" y="1628068"/>
            <a:ext cx="2938103" cy="3247938"/>
          </a:xfrm>
          <a:prstGeom prst="rect">
            <a:avLst/>
          </a:prstGeom>
        </p:spPr>
      </p:pic>
      <p:pic>
        <p:nvPicPr>
          <p:cNvPr id="5" name="Obrázek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23861" y="1487404"/>
            <a:ext cx="3240360" cy="3423284"/>
          </a:xfrm>
          <a:prstGeom prst="rect">
            <a:avLst/>
          </a:prstGeom>
        </p:spPr>
      </p:pic>
      <p:sp>
        <p:nvSpPr>
          <p:cNvPr id="9" name="Zástupný symbol pro zápatí 21">
            <a:extLst>
              <a:ext uri="{FF2B5EF4-FFF2-40B4-BE49-F238E27FC236}">
                <a16:creationId xmlns:a16="http://schemas.microsoft.com/office/drawing/2014/main" id="{37CBE863-A1C8-4A15-8D88-F37EC7FAFFA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4352378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3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3200" dirty="0">
                <a:solidFill>
                  <a:schemeClr val="accent1">
                    <a:lumMod val="50000"/>
                  </a:schemeClr>
                </a:solidFill>
              </a:rPr>
              <a:t>FESTO Didactic  - </a:t>
            </a:r>
            <a:r>
              <a:rPr lang="cs-CZ" sz="3200" dirty="0" err="1">
                <a:solidFill>
                  <a:schemeClr val="accent1">
                    <a:lumMod val="50000"/>
                  </a:schemeClr>
                </a:solidFill>
              </a:rPr>
              <a:t>Compact</a:t>
            </a:r>
            <a:r>
              <a:rPr lang="cs-CZ" sz="3200" dirty="0">
                <a:solidFill>
                  <a:schemeClr val="accent1">
                    <a:lumMod val="50000"/>
                  </a:schemeClr>
                </a:solidFill>
              </a:rPr>
              <a:t> </a:t>
            </a:r>
            <a:r>
              <a:rPr lang="cs-CZ" sz="3200" dirty="0" err="1">
                <a:solidFill>
                  <a:schemeClr val="accent1">
                    <a:lumMod val="50000"/>
                  </a:schemeClr>
                </a:solidFill>
              </a:rPr>
              <a:t>Trainer</a:t>
            </a:r>
            <a:r>
              <a:rPr lang="cs-CZ" sz="3200" dirty="0">
                <a:solidFill>
                  <a:schemeClr val="accent1">
                    <a:lumMod val="50000"/>
                  </a:schemeClr>
                </a:solidFill>
              </a:rPr>
              <a:t> I4.0</a:t>
            </a:r>
            <a:endParaRPr lang="cs-CZ" sz="3200" dirty="0"/>
          </a:p>
        </p:txBody>
      </p:sp>
      <p:sp>
        <p:nvSpPr>
          <p:cNvPr id="10" name="Zástupný symbol pro zápatí 21">
            <a:extLst>
              <a:ext uri="{FF2B5EF4-FFF2-40B4-BE49-F238E27FC236}">
                <a16:creationId xmlns:a16="http://schemas.microsoft.com/office/drawing/2014/main" id="{D4C7643F-7B3B-4293-AC7D-39D88F33AF0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  <p:sp>
        <p:nvSpPr>
          <p:cNvPr id="5" name="Zástupný symbol pro text 4">
            <a:extLst>
              <a:ext uri="{FF2B5EF4-FFF2-40B4-BE49-F238E27FC236}">
                <a16:creationId xmlns:a16="http://schemas.microsoft.com/office/drawing/2014/main" id="{3769860F-34D8-4290-8541-E2BE251D06C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/>
          </a:p>
        </p:txBody>
      </p:sp>
      <p:pic>
        <p:nvPicPr>
          <p:cNvPr id="8" name="Obrázek 7">
            <a:extLst>
              <a:ext uri="{FF2B5EF4-FFF2-40B4-BE49-F238E27FC236}">
                <a16:creationId xmlns:a16="http://schemas.microsoft.com/office/drawing/2014/main" id="{17F00C9A-650A-4F19-B41B-BCFD2B3B311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83768" y="1044702"/>
            <a:ext cx="4259389" cy="39033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58841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4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3200" dirty="0">
                <a:solidFill>
                  <a:schemeClr val="accent1">
                    <a:lumMod val="50000"/>
                  </a:schemeClr>
                </a:solidFill>
              </a:rPr>
              <a:t>FESTO </a:t>
            </a:r>
            <a:r>
              <a:rPr lang="cs-CZ" sz="3200" dirty="0" err="1">
                <a:solidFill>
                  <a:schemeClr val="accent1">
                    <a:lumMod val="50000"/>
                  </a:schemeClr>
                </a:solidFill>
              </a:rPr>
              <a:t>Didactic</a:t>
            </a:r>
            <a:r>
              <a:rPr lang="cs-CZ" sz="3200" dirty="0">
                <a:solidFill>
                  <a:schemeClr val="accent1">
                    <a:lumMod val="50000"/>
                  </a:schemeClr>
                </a:solidFill>
              </a:rPr>
              <a:t>  - odborné semináře</a:t>
            </a:r>
            <a:endParaRPr lang="cs-CZ" sz="3200" dirty="0"/>
          </a:p>
        </p:txBody>
      </p:sp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>
          <a:xfrm>
            <a:off x="179512" y="1059582"/>
            <a:ext cx="3312368" cy="144016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cs-CZ" sz="2800" dirty="0"/>
              <a:t>Letos v ČR probíhá</a:t>
            </a:r>
          </a:p>
          <a:p>
            <a:pPr>
              <a:lnSpc>
                <a:spcPct val="150000"/>
              </a:lnSpc>
            </a:pPr>
            <a:r>
              <a:rPr lang="cs-CZ" sz="2800" dirty="0"/>
              <a:t>33 různých seminářů</a:t>
            </a:r>
          </a:p>
        </p:txBody>
      </p:sp>
      <p:pic>
        <p:nvPicPr>
          <p:cNvPr id="9" name="Picture 6" descr="Učit se, učit se..._b.jp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3876798" y="1546492"/>
            <a:ext cx="4885602" cy="3244040"/>
          </a:xfrm>
          <a:prstGeom prst="rect">
            <a:avLst/>
          </a:prstGeom>
        </p:spPr>
      </p:pic>
      <p:pic>
        <p:nvPicPr>
          <p:cNvPr id="6" name="Obrázek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3528" y="2588045"/>
            <a:ext cx="2880320" cy="2212204"/>
          </a:xfrm>
          <a:prstGeom prst="rect">
            <a:avLst/>
          </a:prstGeom>
        </p:spPr>
      </p:pic>
      <p:sp>
        <p:nvSpPr>
          <p:cNvPr id="10" name="Zástupný symbol pro zápatí 21">
            <a:extLst>
              <a:ext uri="{FF2B5EF4-FFF2-40B4-BE49-F238E27FC236}">
                <a16:creationId xmlns:a16="http://schemas.microsoft.com/office/drawing/2014/main" id="{D4C7643F-7B3B-4293-AC7D-39D88F33AF0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132648481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5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 err="1"/>
              <a:t>Industry</a:t>
            </a:r>
            <a:r>
              <a:rPr lang="cs-CZ" sz="4000" dirty="0"/>
              <a:t> 4.0</a:t>
            </a:r>
          </a:p>
        </p:txBody>
      </p:sp>
      <p:pic>
        <p:nvPicPr>
          <p:cNvPr id="10" name="Obrázek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98042" y="987574"/>
            <a:ext cx="6870222" cy="3912589"/>
          </a:xfrm>
          <a:prstGeom prst="rect">
            <a:avLst/>
          </a:prstGeom>
        </p:spPr>
      </p:pic>
      <p:sp>
        <p:nvSpPr>
          <p:cNvPr id="7" name="Zástupný symbol pro zápatí 21">
            <a:extLst>
              <a:ext uri="{FF2B5EF4-FFF2-40B4-BE49-F238E27FC236}">
                <a16:creationId xmlns:a16="http://schemas.microsoft.com/office/drawing/2014/main" id="{E77B6F4C-F1D2-48DA-8024-9529E8E327E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303726493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6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Ventilová evoluce či revoluce ?!</a:t>
            </a:r>
          </a:p>
        </p:txBody>
      </p:sp>
      <p:pic>
        <p:nvPicPr>
          <p:cNvPr id="3" name="Obrázek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21231" y="1059582"/>
            <a:ext cx="9100587" cy="3888432"/>
          </a:xfrm>
          <a:prstGeom prst="rect">
            <a:avLst/>
          </a:prstGeom>
        </p:spPr>
      </p:pic>
      <p:sp>
        <p:nvSpPr>
          <p:cNvPr id="7" name="Zástupný symbol pro zápatí 21">
            <a:extLst>
              <a:ext uri="{FF2B5EF4-FFF2-40B4-BE49-F238E27FC236}">
                <a16:creationId xmlns:a16="http://schemas.microsoft.com/office/drawing/2014/main" id="{12D0918A-BA3F-4260-B945-F1FF341F062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380845675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7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Motion </a:t>
            </a:r>
            <a:r>
              <a:rPr lang="cs-CZ" sz="4000" dirty="0" err="1"/>
              <a:t>terminal</a:t>
            </a:r>
            <a:r>
              <a:rPr lang="cs-CZ" sz="4000" dirty="0"/>
              <a:t> VTEM</a:t>
            </a:r>
          </a:p>
        </p:txBody>
      </p:sp>
      <p:pic>
        <p:nvPicPr>
          <p:cNvPr id="7" name="Grafik 19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533554" y="1059582"/>
            <a:ext cx="8369962" cy="3816424"/>
          </a:xfrm>
          <a:prstGeom prst="rect">
            <a:avLst/>
          </a:prstGeom>
        </p:spPr>
      </p:pic>
      <p:sp>
        <p:nvSpPr>
          <p:cNvPr id="8" name="Zástupný symbol pro zápatí 21">
            <a:extLst>
              <a:ext uri="{FF2B5EF4-FFF2-40B4-BE49-F238E27FC236}">
                <a16:creationId xmlns:a16="http://schemas.microsoft.com/office/drawing/2014/main" id="{56DEF451-ED11-4A3D-87D8-146A3D914B8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3954058342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8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Motion </a:t>
            </a:r>
            <a:r>
              <a:rPr lang="cs-CZ" sz="4000" dirty="0" err="1"/>
              <a:t>terminal</a:t>
            </a:r>
            <a:r>
              <a:rPr lang="cs-CZ" sz="4000" dirty="0"/>
              <a:t> VTEM</a:t>
            </a:r>
          </a:p>
        </p:txBody>
      </p:sp>
      <p:pic>
        <p:nvPicPr>
          <p:cNvPr id="9" name="Grafik 2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31640" y="987574"/>
            <a:ext cx="6192688" cy="3928767"/>
          </a:xfrm>
          <a:prstGeom prst="rect">
            <a:avLst/>
          </a:prstGeom>
        </p:spPr>
      </p:pic>
      <p:grpSp>
        <p:nvGrpSpPr>
          <p:cNvPr id="10" name="Gruppieren 6"/>
          <p:cNvGrpSpPr/>
          <p:nvPr/>
        </p:nvGrpSpPr>
        <p:grpSpPr>
          <a:xfrm rot="9080887">
            <a:off x="3195176" y="3847886"/>
            <a:ext cx="66430" cy="472555"/>
            <a:chOff x="7159490" y="3548063"/>
            <a:chExt cx="35758" cy="1020895"/>
          </a:xfrm>
        </p:grpSpPr>
        <p:cxnSp>
          <p:nvCxnSpPr>
            <p:cNvPr id="11" name="Gerader Verbinder 35"/>
            <p:cNvCxnSpPr/>
            <p:nvPr/>
          </p:nvCxnSpPr>
          <p:spPr>
            <a:xfrm flipV="1">
              <a:off x="7177369" y="3548063"/>
              <a:ext cx="0" cy="962024"/>
            </a:xfrm>
            <a:prstGeom prst="line">
              <a:avLst/>
            </a:prstGeom>
            <a:ln>
              <a:solidFill>
                <a:schemeClr val="accent6"/>
              </a:solidFill>
              <a:head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Rechteck 3"/>
            <p:cNvSpPr/>
            <p:nvPr/>
          </p:nvSpPr>
          <p:spPr>
            <a:xfrm>
              <a:off x="7159490" y="4451224"/>
              <a:ext cx="35758" cy="117734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597743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195487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793230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390973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988716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586460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184203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781946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de-DE" dirty="0"/>
            </a:p>
          </p:txBody>
        </p:sp>
      </p:grpSp>
      <p:grpSp>
        <p:nvGrpSpPr>
          <p:cNvPr id="13" name="Gruppieren 11"/>
          <p:cNvGrpSpPr/>
          <p:nvPr/>
        </p:nvGrpSpPr>
        <p:grpSpPr>
          <a:xfrm rot="19057725">
            <a:off x="5092424" y="3322293"/>
            <a:ext cx="72000" cy="503872"/>
            <a:chOff x="9132333" y="4899184"/>
            <a:chExt cx="72000" cy="503872"/>
          </a:xfrm>
        </p:grpSpPr>
        <p:cxnSp>
          <p:nvCxnSpPr>
            <p:cNvPr id="14" name="Gerader Verbinder 38"/>
            <p:cNvCxnSpPr/>
            <p:nvPr/>
          </p:nvCxnSpPr>
          <p:spPr>
            <a:xfrm>
              <a:off x="9168333" y="4953000"/>
              <a:ext cx="0" cy="450056"/>
            </a:xfrm>
            <a:prstGeom prst="line">
              <a:avLst/>
            </a:prstGeom>
            <a:ln>
              <a:solidFill>
                <a:schemeClr val="accent6"/>
              </a:solidFill>
              <a:head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Rechteck 29"/>
            <p:cNvSpPr/>
            <p:nvPr/>
          </p:nvSpPr>
          <p:spPr>
            <a:xfrm>
              <a:off x="9132333" y="4899184"/>
              <a:ext cx="72000" cy="7200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597743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195487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793230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390973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988716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586460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184203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781946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de-DE" dirty="0"/>
            </a:p>
          </p:txBody>
        </p:sp>
      </p:grpSp>
      <p:grpSp>
        <p:nvGrpSpPr>
          <p:cNvPr id="16" name="Gruppieren 9"/>
          <p:cNvGrpSpPr/>
          <p:nvPr/>
        </p:nvGrpSpPr>
        <p:grpSpPr>
          <a:xfrm rot="16540345">
            <a:off x="3838102" y="1366213"/>
            <a:ext cx="72000" cy="357853"/>
            <a:chOff x="9322212" y="2556357"/>
            <a:chExt cx="72000" cy="357853"/>
          </a:xfrm>
        </p:grpSpPr>
        <p:sp>
          <p:nvSpPr>
            <p:cNvPr id="17" name="Rechteck 24"/>
            <p:cNvSpPr/>
            <p:nvPr/>
          </p:nvSpPr>
          <p:spPr>
            <a:xfrm>
              <a:off x="9322212" y="2842210"/>
              <a:ext cx="72000" cy="72000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e-DE"/>
              </a:defPPr>
              <a:lvl1pPr marL="0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597743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195487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793230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390973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988716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586460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4184203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781946" algn="l" defTabSz="1195487" rtl="0" eaLnBrk="1" latinLnBrk="0" hangingPunct="1">
                <a:defRPr sz="2353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de-DE" dirty="0"/>
            </a:p>
          </p:txBody>
        </p:sp>
        <p:cxnSp>
          <p:nvCxnSpPr>
            <p:cNvPr id="18" name="Gerader Verbinder 36"/>
            <p:cNvCxnSpPr/>
            <p:nvPr/>
          </p:nvCxnSpPr>
          <p:spPr>
            <a:xfrm flipV="1">
              <a:off x="9358212" y="2556357"/>
              <a:ext cx="0" cy="344007"/>
            </a:xfrm>
            <a:prstGeom prst="line">
              <a:avLst/>
            </a:prstGeom>
            <a:ln>
              <a:solidFill>
                <a:schemeClr val="accent6"/>
              </a:solidFill>
              <a:head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9" name="Textfeld 21"/>
          <p:cNvSpPr txBox="1"/>
          <p:nvPr/>
        </p:nvSpPr>
        <p:spPr>
          <a:xfrm>
            <a:off x="2699792" y="4318851"/>
            <a:ext cx="203198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de-DE"/>
            </a:defPPr>
            <a:lvl1pPr marL="0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97743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95487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793230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390973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988716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586460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184203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781946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de-DE" sz="1600" dirty="0"/>
              <a:t>4 </a:t>
            </a:r>
            <a:r>
              <a:rPr lang="cs-CZ" sz="1600" dirty="0"/>
              <a:t>m</a:t>
            </a:r>
            <a:r>
              <a:rPr lang="de-DE" sz="1600" dirty="0" err="1"/>
              <a:t>embr</a:t>
            </a:r>
            <a:r>
              <a:rPr lang="cs-CZ" sz="1600" dirty="0"/>
              <a:t>á</a:t>
            </a:r>
            <a:r>
              <a:rPr lang="de-DE" sz="1600" dirty="0"/>
              <a:t>n</a:t>
            </a:r>
            <a:r>
              <a:rPr lang="cs-CZ" sz="1600" dirty="0" err="1"/>
              <a:t>ové</a:t>
            </a:r>
            <a:r>
              <a:rPr lang="cs-CZ" sz="1600" dirty="0"/>
              <a:t>  sedlové ventily</a:t>
            </a:r>
            <a:endParaRPr lang="de-DE" sz="1600" dirty="0"/>
          </a:p>
        </p:txBody>
      </p:sp>
      <p:sp>
        <p:nvSpPr>
          <p:cNvPr id="21" name="Textfeld 21"/>
          <p:cNvSpPr txBox="1"/>
          <p:nvPr/>
        </p:nvSpPr>
        <p:spPr>
          <a:xfrm>
            <a:off x="4769854" y="3725903"/>
            <a:ext cx="203198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de-DE"/>
            </a:defPPr>
            <a:lvl1pPr marL="0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97743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95487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793230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390973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988716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586460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184203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781946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cs-CZ" sz="1600" dirty="0"/>
              <a:t>Piezoelektrické ventily pro řízení sedlových ventilů</a:t>
            </a:r>
            <a:endParaRPr lang="de-DE" sz="1600" dirty="0"/>
          </a:p>
        </p:txBody>
      </p:sp>
      <p:sp>
        <p:nvSpPr>
          <p:cNvPr id="24" name="Textfeld 21"/>
          <p:cNvSpPr txBox="1"/>
          <p:nvPr/>
        </p:nvSpPr>
        <p:spPr>
          <a:xfrm>
            <a:off x="1777249" y="1227496"/>
            <a:ext cx="203198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de-DE"/>
            </a:defPPr>
            <a:lvl1pPr marL="0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97743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95487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793230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390973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988716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586460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184203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781946" algn="l" defTabSz="1195487" rtl="0" eaLnBrk="1" latinLnBrk="0" hangingPunct="1">
              <a:defRPr sz="235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cs-CZ" sz="1600" dirty="0"/>
              <a:t>Řídící elektronika s integrovanými čidly</a:t>
            </a:r>
            <a:endParaRPr lang="de-DE" sz="1600" dirty="0"/>
          </a:p>
        </p:txBody>
      </p:sp>
      <p:sp>
        <p:nvSpPr>
          <p:cNvPr id="25" name="Zástupný symbol pro zápatí 21">
            <a:extLst>
              <a:ext uri="{FF2B5EF4-FFF2-40B4-BE49-F238E27FC236}">
                <a16:creationId xmlns:a16="http://schemas.microsoft.com/office/drawing/2014/main" id="{4EB14C98-C8A5-4BAC-805C-AF71B93A8F1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2427773132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29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Motion </a:t>
            </a:r>
            <a:r>
              <a:rPr lang="cs-CZ" sz="4000" dirty="0" err="1"/>
              <a:t>terminal</a:t>
            </a:r>
            <a:r>
              <a:rPr lang="cs-CZ" sz="4000" dirty="0"/>
              <a:t> VTEM</a:t>
            </a:r>
          </a:p>
        </p:txBody>
      </p:sp>
      <p:sp>
        <p:nvSpPr>
          <p:cNvPr id="23" name="Zástupný symbol pro datum 2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endParaRPr lang="cs-CZ" dirty="0"/>
          </a:p>
        </p:txBody>
      </p:sp>
      <p:pic>
        <p:nvPicPr>
          <p:cNvPr id="6" name="Picture 2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907704" y="999523"/>
            <a:ext cx="4985892" cy="4020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8" name="Zástupný symbol pro zápatí 21">
            <a:extLst>
              <a:ext uri="{FF2B5EF4-FFF2-40B4-BE49-F238E27FC236}">
                <a16:creationId xmlns:a16="http://schemas.microsoft.com/office/drawing/2014/main" id="{84EE3FFF-C338-4761-AE38-B4F74F3A64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10094344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3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1927   Přenosná řetězová pila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/>
          </a:p>
        </p:txBody>
      </p:sp>
      <p:pic>
        <p:nvPicPr>
          <p:cNvPr id="4" name="Obrázek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23728" y="1036007"/>
            <a:ext cx="4923237" cy="3848621"/>
          </a:xfrm>
          <a:prstGeom prst="rect">
            <a:avLst/>
          </a:prstGeom>
        </p:spPr>
      </p:pic>
      <p:sp>
        <p:nvSpPr>
          <p:cNvPr id="8" name="Zástupný symbol pro zápatí 21">
            <a:extLst>
              <a:ext uri="{FF2B5EF4-FFF2-40B4-BE49-F238E27FC236}">
                <a16:creationId xmlns:a16="http://schemas.microsoft.com/office/drawing/2014/main" id="{D4386F52-8A7C-40F8-8D29-2B9163219A3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1247512497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30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Motion </a:t>
            </a:r>
            <a:r>
              <a:rPr lang="cs-CZ" sz="4000" dirty="0" err="1"/>
              <a:t>terminal</a:t>
            </a:r>
            <a:r>
              <a:rPr lang="cs-CZ" sz="4000" dirty="0"/>
              <a:t> VTEM</a:t>
            </a:r>
          </a:p>
        </p:txBody>
      </p:sp>
      <p:pic>
        <p:nvPicPr>
          <p:cNvPr id="6" name="Inhaltsplatzhalter 1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59532" y="1214640"/>
            <a:ext cx="2376264" cy="2461015"/>
          </a:xfrm>
          <a:prstGeom prst="rect">
            <a:avLst/>
          </a:prstGeom>
          <a:blipFill dpi="0" rotWithShape="1">
            <a:blip r:embed="rId4" cstate="print">
              <a:alphaModFix amt="64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 w="9525">
            <a:noFill/>
            <a:miter lim="800000"/>
            <a:headEnd/>
            <a:tailEnd/>
          </a:ln>
        </p:spPr>
      </p:pic>
      <p:pic>
        <p:nvPicPr>
          <p:cNvPr id="7" name="Inhaltsplatzhalter 10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131840" y="1194299"/>
            <a:ext cx="2376264" cy="2466870"/>
          </a:xfrm>
          <a:prstGeom prst="rect">
            <a:avLst/>
          </a:prstGeom>
          <a:blipFill dpi="0" rotWithShape="1">
            <a:blip r:embed="rId6" cstate="print">
              <a:alphaModFix amt="64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 w="9525">
            <a:noFill/>
            <a:miter lim="800000"/>
            <a:headEnd/>
            <a:tailEnd/>
          </a:ln>
        </p:spPr>
      </p:pic>
      <p:pic>
        <p:nvPicPr>
          <p:cNvPr id="8" name="Inhaltsplatzhalter 16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300192" y="1214640"/>
            <a:ext cx="2124778" cy="2160240"/>
          </a:xfrm>
          <a:prstGeom prst="rect">
            <a:avLst/>
          </a:prstGeom>
          <a:blipFill dpi="0" rotWithShape="1">
            <a:blip r:embed="rId8" cstate="print">
              <a:alphaModFix amt="64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 w="9525">
            <a:noFill/>
            <a:miter lim="800000"/>
            <a:headEnd/>
            <a:tailEnd/>
          </a:ln>
        </p:spPr>
      </p:pic>
      <p:sp>
        <p:nvSpPr>
          <p:cNvPr id="9" name="Textfeld 29"/>
          <p:cNvSpPr txBox="1"/>
          <p:nvPr/>
        </p:nvSpPr>
        <p:spPr>
          <a:xfrm>
            <a:off x="1049946" y="4101617"/>
            <a:ext cx="1656184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DE" sz="1600" dirty="0"/>
              <a:t>4/2-</a:t>
            </a:r>
            <a:r>
              <a:rPr lang="cs-CZ" sz="1600" dirty="0"/>
              <a:t>v</a:t>
            </a:r>
            <a:r>
              <a:rPr lang="de-DE" sz="1600" dirty="0" err="1"/>
              <a:t>entil</a:t>
            </a:r>
            <a:r>
              <a:rPr lang="de-DE" sz="1600" dirty="0"/>
              <a:t> </a:t>
            </a:r>
          </a:p>
        </p:txBody>
      </p:sp>
      <p:sp>
        <p:nvSpPr>
          <p:cNvPr id="10" name="Textfeld 32"/>
          <p:cNvSpPr txBox="1"/>
          <p:nvPr/>
        </p:nvSpPr>
        <p:spPr>
          <a:xfrm>
            <a:off x="3607532" y="4101617"/>
            <a:ext cx="194421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DE" sz="1600" dirty="0"/>
              <a:t>4/3</a:t>
            </a:r>
            <a:r>
              <a:rPr lang="cs-CZ" sz="1600" dirty="0"/>
              <a:t>E</a:t>
            </a:r>
            <a:r>
              <a:rPr lang="de-DE" sz="1600" dirty="0"/>
              <a:t>-ventil</a:t>
            </a:r>
          </a:p>
        </p:txBody>
      </p:sp>
      <p:sp>
        <p:nvSpPr>
          <p:cNvPr id="11" name="Textfeld 35"/>
          <p:cNvSpPr txBox="1"/>
          <p:nvPr/>
        </p:nvSpPr>
        <p:spPr>
          <a:xfrm>
            <a:off x="6949160" y="4101617"/>
            <a:ext cx="194421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DE" sz="1600" dirty="0"/>
              <a:t>4/3</a:t>
            </a:r>
            <a:r>
              <a:rPr lang="cs-CZ" sz="1600" dirty="0"/>
              <a:t>G</a:t>
            </a:r>
            <a:r>
              <a:rPr lang="de-DE" sz="1600" dirty="0"/>
              <a:t>-ventil</a:t>
            </a:r>
          </a:p>
        </p:txBody>
      </p:sp>
      <p:sp>
        <p:nvSpPr>
          <p:cNvPr id="12" name="Zástupný symbol pro zápatí 21">
            <a:extLst>
              <a:ext uri="{FF2B5EF4-FFF2-40B4-BE49-F238E27FC236}">
                <a16:creationId xmlns:a16="http://schemas.microsoft.com/office/drawing/2014/main" id="{E9D3760E-289E-4CD0-8CE0-692C0558A29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2972560807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170" name="Picture 2" descr="http://mic.hit-karlsruhe.de/projekte/WS13_GPS/DokuWeb/GPS%20Device/images/SPS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328084" y="1707654"/>
            <a:ext cx="1260480" cy="1028422"/>
          </a:xfrm>
          <a:prstGeom prst="rect">
            <a:avLst/>
          </a:prstGeom>
          <a:noFill/>
        </p:spPr>
      </p:pic>
      <p:sp>
        <p:nvSpPr>
          <p:cNvPr id="14" name="Untertitel 13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cs-CZ" dirty="0"/>
              <a:t>Konfigurace prostřednictvím </a:t>
            </a:r>
            <a:r>
              <a:rPr lang="en-GB" dirty="0"/>
              <a:t>PLC</a:t>
            </a:r>
          </a:p>
        </p:txBody>
      </p:sp>
      <p:pic>
        <p:nvPicPr>
          <p:cNvPr id="2051" name="Bild 2" descr="image002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493659" y="2571750"/>
            <a:ext cx="3406922" cy="228794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2052" name="Picture 4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5544108" y="3273828"/>
            <a:ext cx="1984685" cy="137726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8" name="Picture 2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5888316" y="3408736"/>
            <a:ext cx="1315346" cy="7005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8" name="Freihandform 17"/>
          <p:cNvSpPr/>
          <p:nvPr/>
        </p:nvSpPr>
        <p:spPr>
          <a:xfrm>
            <a:off x="2681791" y="1725657"/>
            <a:ext cx="2955575" cy="1062118"/>
          </a:xfrm>
          <a:custGeom>
            <a:avLst/>
            <a:gdLst>
              <a:gd name="connsiteX0" fmla="*/ 0 w 2877670"/>
              <a:gd name="connsiteY0" fmla="*/ 1171388 h 1547905"/>
              <a:gd name="connsiteX1" fmla="*/ 152400 w 2877670"/>
              <a:gd name="connsiteY1" fmla="*/ 427317 h 1547905"/>
              <a:gd name="connsiteX2" fmla="*/ 600635 w 2877670"/>
              <a:gd name="connsiteY2" fmla="*/ 5976 h 1547905"/>
              <a:gd name="connsiteX3" fmla="*/ 1721223 w 2877670"/>
              <a:gd name="connsiteY3" fmla="*/ 391458 h 1547905"/>
              <a:gd name="connsiteX4" fmla="*/ 2868706 w 2877670"/>
              <a:gd name="connsiteY4" fmla="*/ 1529976 h 1547905"/>
              <a:gd name="connsiteX5" fmla="*/ 2868706 w 2877670"/>
              <a:gd name="connsiteY5" fmla="*/ 1529976 h 1547905"/>
              <a:gd name="connsiteX6" fmla="*/ 2877670 w 2877670"/>
              <a:gd name="connsiteY6" fmla="*/ 1547905 h 1547905"/>
              <a:gd name="connsiteX7" fmla="*/ 2877670 w 2877670"/>
              <a:gd name="connsiteY7" fmla="*/ 1547905 h 1547905"/>
              <a:gd name="connsiteX8" fmla="*/ 2877670 w 2877670"/>
              <a:gd name="connsiteY8" fmla="*/ 1547905 h 1547905"/>
              <a:gd name="connsiteX0" fmla="*/ 0 w 2877670"/>
              <a:gd name="connsiteY0" fmla="*/ 1097511 h 1474028"/>
              <a:gd name="connsiteX1" fmla="*/ 152400 w 2877670"/>
              <a:gd name="connsiteY1" fmla="*/ 353440 h 1474028"/>
              <a:gd name="connsiteX2" fmla="*/ 881118 w 2877670"/>
              <a:gd name="connsiteY2" fmla="*/ 5976 h 1474028"/>
              <a:gd name="connsiteX3" fmla="*/ 1721223 w 2877670"/>
              <a:gd name="connsiteY3" fmla="*/ 317581 h 1474028"/>
              <a:gd name="connsiteX4" fmla="*/ 2868706 w 2877670"/>
              <a:gd name="connsiteY4" fmla="*/ 1456099 h 1474028"/>
              <a:gd name="connsiteX5" fmla="*/ 2868706 w 2877670"/>
              <a:gd name="connsiteY5" fmla="*/ 1456099 h 1474028"/>
              <a:gd name="connsiteX6" fmla="*/ 2877670 w 2877670"/>
              <a:gd name="connsiteY6" fmla="*/ 1474028 h 1474028"/>
              <a:gd name="connsiteX7" fmla="*/ 2877670 w 2877670"/>
              <a:gd name="connsiteY7" fmla="*/ 1474028 h 1474028"/>
              <a:gd name="connsiteX8" fmla="*/ 2877670 w 2877670"/>
              <a:gd name="connsiteY8" fmla="*/ 1474028 h 1474028"/>
              <a:gd name="connsiteX0" fmla="*/ 0 w 2877670"/>
              <a:gd name="connsiteY0" fmla="*/ 1117199 h 1493716"/>
              <a:gd name="connsiteX1" fmla="*/ 152400 w 2877670"/>
              <a:gd name="connsiteY1" fmla="*/ 373128 h 1493716"/>
              <a:gd name="connsiteX2" fmla="*/ 881118 w 2877670"/>
              <a:gd name="connsiteY2" fmla="*/ 25664 h 1493716"/>
              <a:gd name="connsiteX3" fmla="*/ 1745214 w 2877670"/>
              <a:gd name="connsiteY3" fmla="*/ 241687 h 1493716"/>
              <a:gd name="connsiteX4" fmla="*/ 2868706 w 2877670"/>
              <a:gd name="connsiteY4" fmla="*/ 1475787 h 1493716"/>
              <a:gd name="connsiteX5" fmla="*/ 2868706 w 2877670"/>
              <a:gd name="connsiteY5" fmla="*/ 1475787 h 1493716"/>
              <a:gd name="connsiteX6" fmla="*/ 2877670 w 2877670"/>
              <a:gd name="connsiteY6" fmla="*/ 1493716 h 1493716"/>
              <a:gd name="connsiteX7" fmla="*/ 2877670 w 2877670"/>
              <a:gd name="connsiteY7" fmla="*/ 1493716 h 1493716"/>
              <a:gd name="connsiteX8" fmla="*/ 2877670 w 2877670"/>
              <a:gd name="connsiteY8" fmla="*/ 1493716 h 1493716"/>
              <a:gd name="connsiteX0" fmla="*/ 921939 w 3799609"/>
              <a:gd name="connsiteY0" fmla="*/ 1117199 h 2356260"/>
              <a:gd name="connsiteX1" fmla="*/ 25400 w 3799609"/>
              <a:gd name="connsiteY1" fmla="*/ 2232248 h 2356260"/>
              <a:gd name="connsiteX2" fmla="*/ 1074339 w 3799609"/>
              <a:gd name="connsiteY2" fmla="*/ 373128 h 2356260"/>
              <a:gd name="connsiteX3" fmla="*/ 1803057 w 3799609"/>
              <a:gd name="connsiteY3" fmla="*/ 25664 h 2356260"/>
              <a:gd name="connsiteX4" fmla="*/ 2667153 w 3799609"/>
              <a:gd name="connsiteY4" fmla="*/ 241687 h 2356260"/>
              <a:gd name="connsiteX5" fmla="*/ 3790645 w 3799609"/>
              <a:gd name="connsiteY5" fmla="*/ 1475787 h 2356260"/>
              <a:gd name="connsiteX6" fmla="*/ 3790645 w 3799609"/>
              <a:gd name="connsiteY6" fmla="*/ 1475787 h 2356260"/>
              <a:gd name="connsiteX7" fmla="*/ 3799609 w 3799609"/>
              <a:gd name="connsiteY7" fmla="*/ 1493716 h 2356260"/>
              <a:gd name="connsiteX8" fmla="*/ 3799609 w 3799609"/>
              <a:gd name="connsiteY8" fmla="*/ 1493716 h 2356260"/>
              <a:gd name="connsiteX9" fmla="*/ 3799609 w 3799609"/>
              <a:gd name="connsiteY9" fmla="*/ 1493716 h 2356260"/>
              <a:gd name="connsiteX0" fmla="*/ 0 w 4325924"/>
              <a:gd name="connsiteY0" fmla="*/ 2664296 h 2664296"/>
              <a:gd name="connsiteX1" fmla="*/ 551715 w 4325924"/>
              <a:gd name="connsiteY1" fmla="*/ 2232248 h 2664296"/>
              <a:gd name="connsiteX2" fmla="*/ 1600654 w 4325924"/>
              <a:gd name="connsiteY2" fmla="*/ 373128 h 2664296"/>
              <a:gd name="connsiteX3" fmla="*/ 2329372 w 4325924"/>
              <a:gd name="connsiteY3" fmla="*/ 25664 h 2664296"/>
              <a:gd name="connsiteX4" fmla="*/ 3193468 w 4325924"/>
              <a:gd name="connsiteY4" fmla="*/ 241687 h 2664296"/>
              <a:gd name="connsiteX5" fmla="*/ 4316960 w 4325924"/>
              <a:gd name="connsiteY5" fmla="*/ 1475787 h 2664296"/>
              <a:gd name="connsiteX6" fmla="*/ 4316960 w 4325924"/>
              <a:gd name="connsiteY6" fmla="*/ 1475787 h 2664296"/>
              <a:gd name="connsiteX7" fmla="*/ 4325924 w 4325924"/>
              <a:gd name="connsiteY7" fmla="*/ 1493716 h 2664296"/>
              <a:gd name="connsiteX8" fmla="*/ 4325924 w 4325924"/>
              <a:gd name="connsiteY8" fmla="*/ 1493716 h 2664296"/>
              <a:gd name="connsiteX9" fmla="*/ 4325924 w 4325924"/>
              <a:gd name="connsiteY9" fmla="*/ 1493716 h 2664296"/>
              <a:gd name="connsiteX0" fmla="*/ 0 w 4325924"/>
              <a:gd name="connsiteY0" fmla="*/ 2814375 h 2814375"/>
              <a:gd name="connsiteX1" fmla="*/ 551715 w 4325924"/>
              <a:gd name="connsiteY1" fmla="*/ 2382327 h 2814375"/>
              <a:gd name="connsiteX2" fmla="*/ 1931007 w 4325924"/>
              <a:gd name="connsiteY2" fmla="*/ 1446223 h 2814375"/>
              <a:gd name="connsiteX3" fmla="*/ 2329372 w 4325924"/>
              <a:gd name="connsiteY3" fmla="*/ 175743 h 2814375"/>
              <a:gd name="connsiteX4" fmla="*/ 3193468 w 4325924"/>
              <a:gd name="connsiteY4" fmla="*/ 391766 h 2814375"/>
              <a:gd name="connsiteX5" fmla="*/ 4316960 w 4325924"/>
              <a:gd name="connsiteY5" fmla="*/ 1625866 h 2814375"/>
              <a:gd name="connsiteX6" fmla="*/ 4316960 w 4325924"/>
              <a:gd name="connsiteY6" fmla="*/ 1625866 h 2814375"/>
              <a:gd name="connsiteX7" fmla="*/ 4325924 w 4325924"/>
              <a:gd name="connsiteY7" fmla="*/ 1643795 h 2814375"/>
              <a:gd name="connsiteX8" fmla="*/ 4325924 w 4325924"/>
              <a:gd name="connsiteY8" fmla="*/ 1643795 h 2814375"/>
              <a:gd name="connsiteX9" fmla="*/ 4325924 w 4325924"/>
              <a:gd name="connsiteY9" fmla="*/ 1643795 h 2814375"/>
              <a:gd name="connsiteX0" fmla="*/ 0 w 4325924"/>
              <a:gd name="connsiteY0" fmla="*/ 2500555 h 2500555"/>
              <a:gd name="connsiteX1" fmla="*/ 551715 w 4325924"/>
              <a:gd name="connsiteY1" fmla="*/ 2068507 h 2500555"/>
              <a:gd name="connsiteX2" fmla="*/ 1931007 w 4325924"/>
              <a:gd name="connsiteY2" fmla="*/ 1132403 h 2500555"/>
              <a:gd name="connsiteX3" fmla="*/ 2965475 w 4325924"/>
              <a:gd name="connsiteY3" fmla="*/ 844372 h 2500555"/>
              <a:gd name="connsiteX4" fmla="*/ 3193468 w 4325924"/>
              <a:gd name="connsiteY4" fmla="*/ 77946 h 2500555"/>
              <a:gd name="connsiteX5" fmla="*/ 4316960 w 4325924"/>
              <a:gd name="connsiteY5" fmla="*/ 1312046 h 2500555"/>
              <a:gd name="connsiteX6" fmla="*/ 4316960 w 4325924"/>
              <a:gd name="connsiteY6" fmla="*/ 1312046 h 2500555"/>
              <a:gd name="connsiteX7" fmla="*/ 4325924 w 4325924"/>
              <a:gd name="connsiteY7" fmla="*/ 1329975 h 2500555"/>
              <a:gd name="connsiteX8" fmla="*/ 4325924 w 4325924"/>
              <a:gd name="connsiteY8" fmla="*/ 1329975 h 2500555"/>
              <a:gd name="connsiteX9" fmla="*/ 4325924 w 4325924"/>
              <a:gd name="connsiteY9" fmla="*/ 1329975 h 2500555"/>
              <a:gd name="connsiteX0" fmla="*/ 0 w 4325924"/>
              <a:gd name="connsiteY0" fmla="*/ 1734129 h 1734129"/>
              <a:gd name="connsiteX1" fmla="*/ 551715 w 4325924"/>
              <a:gd name="connsiteY1" fmla="*/ 1302081 h 1734129"/>
              <a:gd name="connsiteX2" fmla="*/ 1931007 w 4325924"/>
              <a:gd name="connsiteY2" fmla="*/ 365977 h 1734129"/>
              <a:gd name="connsiteX3" fmla="*/ 2965475 w 4325924"/>
              <a:gd name="connsiteY3" fmla="*/ 77946 h 1734129"/>
              <a:gd name="connsiteX4" fmla="*/ 3724085 w 4325924"/>
              <a:gd name="connsiteY4" fmla="*/ 77946 h 1734129"/>
              <a:gd name="connsiteX5" fmla="*/ 4316960 w 4325924"/>
              <a:gd name="connsiteY5" fmla="*/ 545620 h 1734129"/>
              <a:gd name="connsiteX6" fmla="*/ 4316960 w 4325924"/>
              <a:gd name="connsiteY6" fmla="*/ 545620 h 1734129"/>
              <a:gd name="connsiteX7" fmla="*/ 4325924 w 4325924"/>
              <a:gd name="connsiteY7" fmla="*/ 563549 h 1734129"/>
              <a:gd name="connsiteX8" fmla="*/ 4325924 w 4325924"/>
              <a:gd name="connsiteY8" fmla="*/ 563549 h 1734129"/>
              <a:gd name="connsiteX9" fmla="*/ 4325924 w 4325924"/>
              <a:gd name="connsiteY9" fmla="*/ 563549 h 1734129"/>
              <a:gd name="connsiteX0" fmla="*/ 0 w 4325924"/>
              <a:gd name="connsiteY0" fmla="*/ 1776196 h 1776196"/>
              <a:gd name="connsiteX1" fmla="*/ 551715 w 4325924"/>
              <a:gd name="connsiteY1" fmla="*/ 1344148 h 1776196"/>
              <a:gd name="connsiteX2" fmla="*/ 1931007 w 4325924"/>
              <a:gd name="connsiteY2" fmla="*/ 408044 h 1776196"/>
              <a:gd name="connsiteX3" fmla="*/ 2827546 w 4325924"/>
              <a:gd name="connsiteY3" fmla="*/ 48005 h 1776196"/>
              <a:gd name="connsiteX4" fmla="*/ 3724085 w 4325924"/>
              <a:gd name="connsiteY4" fmla="*/ 120013 h 1776196"/>
              <a:gd name="connsiteX5" fmla="*/ 4316960 w 4325924"/>
              <a:gd name="connsiteY5" fmla="*/ 587687 h 1776196"/>
              <a:gd name="connsiteX6" fmla="*/ 4316960 w 4325924"/>
              <a:gd name="connsiteY6" fmla="*/ 587687 h 1776196"/>
              <a:gd name="connsiteX7" fmla="*/ 4325924 w 4325924"/>
              <a:gd name="connsiteY7" fmla="*/ 605616 h 1776196"/>
              <a:gd name="connsiteX8" fmla="*/ 4325924 w 4325924"/>
              <a:gd name="connsiteY8" fmla="*/ 605616 h 1776196"/>
              <a:gd name="connsiteX9" fmla="*/ 4325924 w 4325924"/>
              <a:gd name="connsiteY9" fmla="*/ 605616 h 17761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4325924" h="1776196">
                <a:moveTo>
                  <a:pt x="0" y="1776196"/>
                </a:moveTo>
                <a:cubicBezTo>
                  <a:pt x="1020" y="1774381"/>
                  <a:pt x="229881" y="1572173"/>
                  <a:pt x="551715" y="1344148"/>
                </a:cubicBezTo>
                <a:cubicBezTo>
                  <a:pt x="873549" y="1116123"/>
                  <a:pt x="1551702" y="624068"/>
                  <a:pt x="1931007" y="408044"/>
                </a:cubicBezTo>
                <a:cubicBezTo>
                  <a:pt x="2310312" y="192020"/>
                  <a:pt x="2528700" y="96010"/>
                  <a:pt x="2827546" y="48005"/>
                </a:cubicBezTo>
                <a:cubicBezTo>
                  <a:pt x="3126392" y="0"/>
                  <a:pt x="3475849" y="30066"/>
                  <a:pt x="3724085" y="120013"/>
                </a:cubicBezTo>
                <a:cubicBezTo>
                  <a:pt x="3972321" y="209960"/>
                  <a:pt x="4129711" y="382004"/>
                  <a:pt x="4316960" y="587687"/>
                </a:cubicBezTo>
                <a:lnTo>
                  <a:pt x="4316960" y="587687"/>
                </a:lnTo>
                <a:lnTo>
                  <a:pt x="4325924" y="605616"/>
                </a:lnTo>
                <a:lnTo>
                  <a:pt x="4325924" y="605616"/>
                </a:lnTo>
                <a:lnTo>
                  <a:pt x="4325924" y="605616"/>
                </a:lnTo>
              </a:path>
            </a:pathLst>
          </a:custGeom>
          <a:ln w="41275">
            <a:solidFill>
              <a:schemeClr val="accent6">
                <a:lumMod val="7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0" name="Freihandform 9"/>
          <p:cNvSpPr/>
          <p:nvPr/>
        </p:nvSpPr>
        <p:spPr>
          <a:xfrm>
            <a:off x="5220072" y="2301720"/>
            <a:ext cx="594521" cy="1890210"/>
          </a:xfrm>
          <a:custGeom>
            <a:avLst/>
            <a:gdLst>
              <a:gd name="connsiteX0" fmla="*/ 0 w 2877670"/>
              <a:gd name="connsiteY0" fmla="*/ 1171388 h 1547905"/>
              <a:gd name="connsiteX1" fmla="*/ 152400 w 2877670"/>
              <a:gd name="connsiteY1" fmla="*/ 427317 h 1547905"/>
              <a:gd name="connsiteX2" fmla="*/ 600635 w 2877670"/>
              <a:gd name="connsiteY2" fmla="*/ 5976 h 1547905"/>
              <a:gd name="connsiteX3" fmla="*/ 1721223 w 2877670"/>
              <a:gd name="connsiteY3" fmla="*/ 391458 h 1547905"/>
              <a:gd name="connsiteX4" fmla="*/ 2868706 w 2877670"/>
              <a:gd name="connsiteY4" fmla="*/ 1529976 h 1547905"/>
              <a:gd name="connsiteX5" fmla="*/ 2868706 w 2877670"/>
              <a:gd name="connsiteY5" fmla="*/ 1529976 h 1547905"/>
              <a:gd name="connsiteX6" fmla="*/ 2877670 w 2877670"/>
              <a:gd name="connsiteY6" fmla="*/ 1547905 h 1547905"/>
              <a:gd name="connsiteX7" fmla="*/ 2877670 w 2877670"/>
              <a:gd name="connsiteY7" fmla="*/ 1547905 h 1547905"/>
              <a:gd name="connsiteX8" fmla="*/ 2877670 w 2877670"/>
              <a:gd name="connsiteY8" fmla="*/ 1547905 h 1547905"/>
              <a:gd name="connsiteX0" fmla="*/ 0 w 2877670"/>
              <a:gd name="connsiteY0" fmla="*/ 1097511 h 1474028"/>
              <a:gd name="connsiteX1" fmla="*/ 152400 w 2877670"/>
              <a:gd name="connsiteY1" fmla="*/ 353440 h 1474028"/>
              <a:gd name="connsiteX2" fmla="*/ 881118 w 2877670"/>
              <a:gd name="connsiteY2" fmla="*/ 5976 h 1474028"/>
              <a:gd name="connsiteX3" fmla="*/ 1721223 w 2877670"/>
              <a:gd name="connsiteY3" fmla="*/ 317581 h 1474028"/>
              <a:gd name="connsiteX4" fmla="*/ 2868706 w 2877670"/>
              <a:gd name="connsiteY4" fmla="*/ 1456099 h 1474028"/>
              <a:gd name="connsiteX5" fmla="*/ 2868706 w 2877670"/>
              <a:gd name="connsiteY5" fmla="*/ 1456099 h 1474028"/>
              <a:gd name="connsiteX6" fmla="*/ 2877670 w 2877670"/>
              <a:gd name="connsiteY6" fmla="*/ 1474028 h 1474028"/>
              <a:gd name="connsiteX7" fmla="*/ 2877670 w 2877670"/>
              <a:gd name="connsiteY7" fmla="*/ 1474028 h 1474028"/>
              <a:gd name="connsiteX8" fmla="*/ 2877670 w 2877670"/>
              <a:gd name="connsiteY8" fmla="*/ 1474028 h 1474028"/>
              <a:gd name="connsiteX0" fmla="*/ 0 w 2877670"/>
              <a:gd name="connsiteY0" fmla="*/ 1117199 h 1493716"/>
              <a:gd name="connsiteX1" fmla="*/ 152400 w 2877670"/>
              <a:gd name="connsiteY1" fmla="*/ 373128 h 1493716"/>
              <a:gd name="connsiteX2" fmla="*/ 881118 w 2877670"/>
              <a:gd name="connsiteY2" fmla="*/ 25664 h 1493716"/>
              <a:gd name="connsiteX3" fmla="*/ 1745214 w 2877670"/>
              <a:gd name="connsiteY3" fmla="*/ 241687 h 1493716"/>
              <a:gd name="connsiteX4" fmla="*/ 2868706 w 2877670"/>
              <a:gd name="connsiteY4" fmla="*/ 1475787 h 1493716"/>
              <a:gd name="connsiteX5" fmla="*/ 2868706 w 2877670"/>
              <a:gd name="connsiteY5" fmla="*/ 1475787 h 1493716"/>
              <a:gd name="connsiteX6" fmla="*/ 2877670 w 2877670"/>
              <a:gd name="connsiteY6" fmla="*/ 1493716 h 1493716"/>
              <a:gd name="connsiteX7" fmla="*/ 2877670 w 2877670"/>
              <a:gd name="connsiteY7" fmla="*/ 1493716 h 1493716"/>
              <a:gd name="connsiteX8" fmla="*/ 2877670 w 2877670"/>
              <a:gd name="connsiteY8" fmla="*/ 1493716 h 1493716"/>
              <a:gd name="connsiteX0" fmla="*/ 921939 w 3799609"/>
              <a:gd name="connsiteY0" fmla="*/ 1117199 h 2356260"/>
              <a:gd name="connsiteX1" fmla="*/ 25400 w 3799609"/>
              <a:gd name="connsiteY1" fmla="*/ 2232248 h 2356260"/>
              <a:gd name="connsiteX2" fmla="*/ 1074339 w 3799609"/>
              <a:gd name="connsiteY2" fmla="*/ 373128 h 2356260"/>
              <a:gd name="connsiteX3" fmla="*/ 1803057 w 3799609"/>
              <a:gd name="connsiteY3" fmla="*/ 25664 h 2356260"/>
              <a:gd name="connsiteX4" fmla="*/ 2667153 w 3799609"/>
              <a:gd name="connsiteY4" fmla="*/ 241687 h 2356260"/>
              <a:gd name="connsiteX5" fmla="*/ 3790645 w 3799609"/>
              <a:gd name="connsiteY5" fmla="*/ 1475787 h 2356260"/>
              <a:gd name="connsiteX6" fmla="*/ 3790645 w 3799609"/>
              <a:gd name="connsiteY6" fmla="*/ 1475787 h 2356260"/>
              <a:gd name="connsiteX7" fmla="*/ 3799609 w 3799609"/>
              <a:gd name="connsiteY7" fmla="*/ 1493716 h 2356260"/>
              <a:gd name="connsiteX8" fmla="*/ 3799609 w 3799609"/>
              <a:gd name="connsiteY8" fmla="*/ 1493716 h 2356260"/>
              <a:gd name="connsiteX9" fmla="*/ 3799609 w 3799609"/>
              <a:gd name="connsiteY9" fmla="*/ 1493716 h 2356260"/>
              <a:gd name="connsiteX0" fmla="*/ 0 w 4325924"/>
              <a:gd name="connsiteY0" fmla="*/ 2664296 h 2664296"/>
              <a:gd name="connsiteX1" fmla="*/ 551715 w 4325924"/>
              <a:gd name="connsiteY1" fmla="*/ 2232248 h 2664296"/>
              <a:gd name="connsiteX2" fmla="*/ 1600654 w 4325924"/>
              <a:gd name="connsiteY2" fmla="*/ 373128 h 2664296"/>
              <a:gd name="connsiteX3" fmla="*/ 2329372 w 4325924"/>
              <a:gd name="connsiteY3" fmla="*/ 25664 h 2664296"/>
              <a:gd name="connsiteX4" fmla="*/ 3193468 w 4325924"/>
              <a:gd name="connsiteY4" fmla="*/ 241687 h 2664296"/>
              <a:gd name="connsiteX5" fmla="*/ 4316960 w 4325924"/>
              <a:gd name="connsiteY5" fmla="*/ 1475787 h 2664296"/>
              <a:gd name="connsiteX6" fmla="*/ 4316960 w 4325924"/>
              <a:gd name="connsiteY6" fmla="*/ 1475787 h 2664296"/>
              <a:gd name="connsiteX7" fmla="*/ 4325924 w 4325924"/>
              <a:gd name="connsiteY7" fmla="*/ 1493716 h 2664296"/>
              <a:gd name="connsiteX8" fmla="*/ 4325924 w 4325924"/>
              <a:gd name="connsiteY8" fmla="*/ 1493716 h 2664296"/>
              <a:gd name="connsiteX9" fmla="*/ 4325924 w 4325924"/>
              <a:gd name="connsiteY9" fmla="*/ 1493716 h 2664296"/>
              <a:gd name="connsiteX0" fmla="*/ 0 w 4325924"/>
              <a:gd name="connsiteY0" fmla="*/ 2814375 h 2814375"/>
              <a:gd name="connsiteX1" fmla="*/ 551715 w 4325924"/>
              <a:gd name="connsiteY1" fmla="*/ 2382327 h 2814375"/>
              <a:gd name="connsiteX2" fmla="*/ 1931007 w 4325924"/>
              <a:gd name="connsiteY2" fmla="*/ 1446223 h 2814375"/>
              <a:gd name="connsiteX3" fmla="*/ 2329372 w 4325924"/>
              <a:gd name="connsiteY3" fmla="*/ 175743 h 2814375"/>
              <a:gd name="connsiteX4" fmla="*/ 3193468 w 4325924"/>
              <a:gd name="connsiteY4" fmla="*/ 391766 h 2814375"/>
              <a:gd name="connsiteX5" fmla="*/ 4316960 w 4325924"/>
              <a:gd name="connsiteY5" fmla="*/ 1625866 h 2814375"/>
              <a:gd name="connsiteX6" fmla="*/ 4316960 w 4325924"/>
              <a:gd name="connsiteY6" fmla="*/ 1625866 h 2814375"/>
              <a:gd name="connsiteX7" fmla="*/ 4325924 w 4325924"/>
              <a:gd name="connsiteY7" fmla="*/ 1643795 h 2814375"/>
              <a:gd name="connsiteX8" fmla="*/ 4325924 w 4325924"/>
              <a:gd name="connsiteY8" fmla="*/ 1643795 h 2814375"/>
              <a:gd name="connsiteX9" fmla="*/ 4325924 w 4325924"/>
              <a:gd name="connsiteY9" fmla="*/ 1643795 h 2814375"/>
              <a:gd name="connsiteX0" fmla="*/ 0 w 4325924"/>
              <a:gd name="connsiteY0" fmla="*/ 2500555 h 2500555"/>
              <a:gd name="connsiteX1" fmla="*/ 551715 w 4325924"/>
              <a:gd name="connsiteY1" fmla="*/ 2068507 h 2500555"/>
              <a:gd name="connsiteX2" fmla="*/ 1931007 w 4325924"/>
              <a:gd name="connsiteY2" fmla="*/ 1132403 h 2500555"/>
              <a:gd name="connsiteX3" fmla="*/ 2965475 w 4325924"/>
              <a:gd name="connsiteY3" fmla="*/ 844372 h 2500555"/>
              <a:gd name="connsiteX4" fmla="*/ 3193468 w 4325924"/>
              <a:gd name="connsiteY4" fmla="*/ 77946 h 2500555"/>
              <a:gd name="connsiteX5" fmla="*/ 4316960 w 4325924"/>
              <a:gd name="connsiteY5" fmla="*/ 1312046 h 2500555"/>
              <a:gd name="connsiteX6" fmla="*/ 4316960 w 4325924"/>
              <a:gd name="connsiteY6" fmla="*/ 1312046 h 2500555"/>
              <a:gd name="connsiteX7" fmla="*/ 4325924 w 4325924"/>
              <a:gd name="connsiteY7" fmla="*/ 1329975 h 2500555"/>
              <a:gd name="connsiteX8" fmla="*/ 4325924 w 4325924"/>
              <a:gd name="connsiteY8" fmla="*/ 1329975 h 2500555"/>
              <a:gd name="connsiteX9" fmla="*/ 4325924 w 4325924"/>
              <a:gd name="connsiteY9" fmla="*/ 1329975 h 2500555"/>
              <a:gd name="connsiteX0" fmla="*/ 0 w 4325924"/>
              <a:gd name="connsiteY0" fmla="*/ 1734129 h 1734129"/>
              <a:gd name="connsiteX1" fmla="*/ 551715 w 4325924"/>
              <a:gd name="connsiteY1" fmla="*/ 1302081 h 1734129"/>
              <a:gd name="connsiteX2" fmla="*/ 1931007 w 4325924"/>
              <a:gd name="connsiteY2" fmla="*/ 365977 h 1734129"/>
              <a:gd name="connsiteX3" fmla="*/ 2965475 w 4325924"/>
              <a:gd name="connsiteY3" fmla="*/ 77946 h 1734129"/>
              <a:gd name="connsiteX4" fmla="*/ 3724085 w 4325924"/>
              <a:gd name="connsiteY4" fmla="*/ 77946 h 1734129"/>
              <a:gd name="connsiteX5" fmla="*/ 4316960 w 4325924"/>
              <a:gd name="connsiteY5" fmla="*/ 545620 h 1734129"/>
              <a:gd name="connsiteX6" fmla="*/ 4316960 w 4325924"/>
              <a:gd name="connsiteY6" fmla="*/ 545620 h 1734129"/>
              <a:gd name="connsiteX7" fmla="*/ 4325924 w 4325924"/>
              <a:gd name="connsiteY7" fmla="*/ 563549 h 1734129"/>
              <a:gd name="connsiteX8" fmla="*/ 4325924 w 4325924"/>
              <a:gd name="connsiteY8" fmla="*/ 563549 h 1734129"/>
              <a:gd name="connsiteX9" fmla="*/ 4325924 w 4325924"/>
              <a:gd name="connsiteY9" fmla="*/ 563549 h 1734129"/>
              <a:gd name="connsiteX0" fmla="*/ 0 w 4325924"/>
              <a:gd name="connsiteY0" fmla="*/ 1776196 h 1776196"/>
              <a:gd name="connsiteX1" fmla="*/ 551715 w 4325924"/>
              <a:gd name="connsiteY1" fmla="*/ 1344148 h 1776196"/>
              <a:gd name="connsiteX2" fmla="*/ 1931007 w 4325924"/>
              <a:gd name="connsiteY2" fmla="*/ 408044 h 1776196"/>
              <a:gd name="connsiteX3" fmla="*/ 2827546 w 4325924"/>
              <a:gd name="connsiteY3" fmla="*/ 48005 h 1776196"/>
              <a:gd name="connsiteX4" fmla="*/ 3724085 w 4325924"/>
              <a:gd name="connsiteY4" fmla="*/ 120013 h 1776196"/>
              <a:gd name="connsiteX5" fmla="*/ 4316960 w 4325924"/>
              <a:gd name="connsiteY5" fmla="*/ 587687 h 1776196"/>
              <a:gd name="connsiteX6" fmla="*/ 4316960 w 4325924"/>
              <a:gd name="connsiteY6" fmla="*/ 587687 h 1776196"/>
              <a:gd name="connsiteX7" fmla="*/ 4325924 w 4325924"/>
              <a:gd name="connsiteY7" fmla="*/ 605616 h 1776196"/>
              <a:gd name="connsiteX8" fmla="*/ 4325924 w 4325924"/>
              <a:gd name="connsiteY8" fmla="*/ 605616 h 1776196"/>
              <a:gd name="connsiteX9" fmla="*/ 4325924 w 4325924"/>
              <a:gd name="connsiteY9" fmla="*/ 605616 h 1776196"/>
              <a:gd name="connsiteX0" fmla="*/ 0 w 4325924"/>
              <a:gd name="connsiteY0" fmla="*/ 2280252 h 2280252"/>
              <a:gd name="connsiteX1" fmla="*/ 551715 w 4325924"/>
              <a:gd name="connsiteY1" fmla="*/ 1848204 h 2280252"/>
              <a:gd name="connsiteX2" fmla="*/ 1931007 w 4325924"/>
              <a:gd name="connsiteY2" fmla="*/ 912100 h 2280252"/>
              <a:gd name="connsiteX3" fmla="*/ 2827546 w 4325924"/>
              <a:gd name="connsiteY3" fmla="*/ 552061 h 2280252"/>
              <a:gd name="connsiteX4" fmla="*/ 3724085 w 4325924"/>
              <a:gd name="connsiteY4" fmla="*/ 624069 h 2280252"/>
              <a:gd name="connsiteX5" fmla="*/ 4316960 w 4325924"/>
              <a:gd name="connsiteY5" fmla="*/ 1091743 h 2280252"/>
              <a:gd name="connsiteX6" fmla="*/ 4316960 w 4325924"/>
              <a:gd name="connsiteY6" fmla="*/ 1091743 h 2280252"/>
              <a:gd name="connsiteX7" fmla="*/ 4325924 w 4325924"/>
              <a:gd name="connsiteY7" fmla="*/ 1109672 h 2280252"/>
              <a:gd name="connsiteX8" fmla="*/ 4325924 w 4325924"/>
              <a:gd name="connsiteY8" fmla="*/ 1109672 h 2280252"/>
              <a:gd name="connsiteX9" fmla="*/ 4275801 w 4325924"/>
              <a:gd name="connsiteY9" fmla="*/ 0 h 2280252"/>
              <a:gd name="connsiteX0" fmla="*/ 0 w 4325924"/>
              <a:gd name="connsiteY0" fmla="*/ 2280252 h 2280252"/>
              <a:gd name="connsiteX1" fmla="*/ 551715 w 4325924"/>
              <a:gd name="connsiteY1" fmla="*/ 1848204 h 2280252"/>
              <a:gd name="connsiteX2" fmla="*/ 1931007 w 4325924"/>
              <a:gd name="connsiteY2" fmla="*/ 912100 h 2280252"/>
              <a:gd name="connsiteX3" fmla="*/ 2827546 w 4325924"/>
              <a:gd name="connsiteY3" fmla="*/ 552061 h 2280252"/>
              <a:gd name="connsiteX4" fmla="*/ 3724085 w 4325924"/>
              <a:gd name="connsiteY4" fmla="*/ 624069 h 2280252"/>
              <a:gd name="connsiteX5" fmla="*/ 4316960 w 4325924"/>
              <a:gd name="connsiteY5" fmla="*/ 1091743 h 2280252"/>
              <a:gd name="connsiteX6" fmla="*/ 4316960 w 4325924"/>
              <a:gd name="connsiteY6" fmla="*/ 1091743 h 2280252"/>
              <a:gd name="connsiteX7" fmla="*/ 4325924 w 4325924"/>
              <a:gd name="connsiteY7" fmla="*/ 1109672 h 2280252"/>
              <a:gd name="connsiteX8" fmla="*/ 3655120 w 4325924"/>
              <a:gd name="connsiteY8" fmla="*/ 936104 h 2280252"/>
              <a:gd name="connsiteX9" fmla="*/ 4275801 w 4325924"/>
              <a:gd name="connsiteY9" fmla="*/ 0 h 2280252"/>
              <a:gd name="connsiteX0" fmla="*/ 0 w 4316960"/>
              <a:gd name="connsiteY0" fmla="*/ 2280252 h 2280252"/>
              <a:gd name="connsiteX1" fmla="*/ 551715 w 4316960"/>
              <a:gd name="connsiteY1" fmla="*/ 1848204 h 2280252"/>
              <a:gd name="connsiteX2" fmla="*/ 1931007 w 4316960"/>
              <a:gd name="connsiteY2" fmla="*/ 912100 h 2280252"/>
              <a:gd name="connsiteX3" fmla="*/ 2827546 w 4316960"/>
              <a:gd name="connsiteY3" fmla="*/ 552061 h 2280252"/>
              <a:gd name="connsiteX4" fmla="*/ 3724085 w 4316960"/>
              <a:gd name="connsiteY4" fmla="*/ 624069 h 2280252"/>
              <a:gd name="connsiteX5" fmla="*/ 4316960 w 4316960"/>
              <a:gd name="connsiteY5" fmla="*/ 1091743 h 2280252"/>
              <a:gd name="connsiteX6" fmla="*/ 4316960 w 4316960"/>
              <a:gd name="connsiteY6" fmla="*/ 1091743 h 2280252"/>
              <a:gd name="connsiteX7" fmla="*/ 3379262 w 4316960"/>
              <a:gd name="connsiteY7" fmla="*/ 1368152 h 2280252"/>
              <a:gd name="connsiteX8" fmla="*/ 3655120 w 4316960"/>
              <a:gd name="connsiteY8" fmla="*/ 936104 h 2280252"/>
              <a:gd name="connsiteX9" fmla="*/ 4275801 w 4316960"/>
              <a:gd name="connsiteY9" fmla="*/ 0 h 2280252"/>
              <a:gd name="connsiteX0" fmla="*/ 0 w 4316960"/>
              <a:gd name="connsiteY0" fmla="*/ 2280252 h 2280252"/>
              <a:gd name="connsiteX1" fmla="*/ 551715 w 4316960"/>
              <a:gd name="connsiteY1" fmla="*/ 1848204 h 2280252"/>
              <a:gd name="connsiteX2" fmla="*/ 1931007 w 4316960"/>
              <a:gd name="connsiteY2" fmla="*/ 912100 h 2280252"/>
              <a:gd name="connsiteX3" fmla="*/ 2827546 w 4316960"/>
              <a:gd name="connsiteY3" fmla="*/ 552061 h 2280252"/>
              <a:gd name="connsiteX4" fmla="*/ 3724085 w 4316960"/>
              <a:gd name="connsiteY4" fmla="*/ 624069 h 2280252"/>
              <a:gd name="connsiteX5" fmla="*/ 4316960 w 4316960"/>
              <a:gd name="connsiteY5" fmla="*/ 1091743 h 2280252"/>
              <a:gd name="connsiteX6" fmla="*/ 3241333 w 4316960"/>
              <a:gd name="connsiteY6" fmla="*/ 1800200 h 2280252"/>
              <a:gd name="connsiteX7" fmla="*/ 3379262 w 4316960"/>
              <a:gd name="connsiteY7" fmla="*/ 1368152 h 2280252"/>
              <a:gd name="connsiteX8" fmla="*/ 3655120 w 4316960"/>
              <a:gd name="connsiteY8" fmla="*/ 936104 h 2280252"/>
              <a:gd name="connsiteX9" fmla="*/ 4275801 w 4316960"/>
              <a:gd name="connsiteY9" fmla="*/ 0 h 2280252"/>
              <a:gd name="connsiteX0" fmla="*/ 0 w 4275801"/>
              <a:gd name="connsiteY0" fmla="*/ 2280252 h 2280252"/>
              <a:gd name="connsiteX1" fmla="*/ 551715 w 4275801"/>
              <a:gd name="connsiteY1" fmla="*/ 1848204 h 2280252"/>
              <a:gd name="connsiteX2" fmla="*/ 1931007 w 4275801"/>
              <a:gd name="connsiteY2" fmla="*/ 912100 h 2280252"/>
              <a:gd name="connsiteX3" fmla="*/ 2827546 w 4275801"/>
              <a:gd name="connsiteY3" fmla="*/ 552061 h 2280252"/>
              <a:gd name="connsiteX4" fmla="*/ 3724085 w 4275801"/>
              <a:gd name="connsiteY4" fmla="*/ 624069 h 2280252"/>
              <a:gd name="connsiteX5" fmla="*/ 3103404 w 4275801"/>
              <a:gd name="connsiteY5" fmla="*/ 2160240 h 2280252"/>
              <a:gd name="connsiteX6" fmla="*/ 3241333 w 4275801"/>
              <a:gd name="connsiteY6" fmla="*/ 1800200 h 2280252"/>
              <a:gd name="connsiteX7" fmla="*/ 3379262 w 4275801"/>
              <a:gd name="connsiteY7" fmla="*/ 1368152 h 2280252"/>
              <a:gd name="connsiteX8" fmla="*/ 3655120 w 4275801"/>
              <a:gd name="connsiteY8" fmla="*/ 936104 h 2280252"/>
              <a:gd name="connsiteX9" fmla="*/ 4275801 w 4275801"/>
              <a:gd name="connsiteY9" fmla="*/ 0 h 2280252"/>
              <a:gd name="connsiteX0" fmla="*/ 0 w 4275801"/>
              <a:gd name="connsiteY0" fmla="*/ 2280252 h 2640293"/>
              <a:gd name="connsiteX1" fmla="*/ 551715 w 4275801"/>
              <a:gd name="connsiteY1" fmla="*/ 1848204 h 2640293"/>
              <a:gd name="connsiteX2" fmla="*/ 1931007 w 4275801"/>
              <a:gd name="connsiteY2" fmla="*/ 912100 h 2640293"/>
              <a:gd name="connsiteX3" fmla="*/ 3724085 w 4275801"/>
              <a:gd name="connsiteY3" fmla="*/ 2592288 h 2640293"/>
              <a:gd name="connsiteX4" fmla="*/ 3724085 w 4275801"/>
              <a:gd name="connsiteY4" fmla="*/ 624069 h 2640293"/>
              <a:gd name="connsiteX5" fmla="*/ 3103404 w 4275801"/>
              <a:gd name="connsiteY5" fmla="*/ 2160240 h 2640293"/>
              <a:gd name="connsiteX6" fmla="*/ 3241333 w 4275801"/>
              <a:gd name="connsiteY6" fmla="*/ 1800200 h 2640293"/>
              <a:gd name="connsiteX7" fmla="*/ 3379262 w 4275801"/>
              <a:gd name="connsiteY7" fmla="*/ 1368152 h 2640293"/>
              <a:gd name="connsiteX8" fmla="*/ 3655120 w 4275801"/>
              <a:gd name="connsiteY8" fmla="*/ 936104 h 2640293"/>
              <a:gd name="connsiteX9" fmla="*/ 4275801 w 4275801"/>
              <a:gd name="connsiteY9" fmla="*/ 0 h 2640293"/>
              <a:gd name="connsiteX0" fmla="*/ 0 w 4275801"/>
              <a:gd name="connsiteY0" fmla="*/ 2280252 h 2280252"/>
              <a:gd name="connsiteX1" fmla="*/ 551715 w 4275801"/>
              <a:gd name="connsiteY1" fmla="*/ 1848204 h 2280252"/>
              <a:gd name="connsiteX2" fmla="*/ 1931007 w 4275801"/>
              <a:gd name="connsiteY2" fmla="*/ 912100 h 2280252"/>
              <a:gd name="connsiteX3" fmla="*/ 3724085 w 4275801"/>
              <a:gd name="connsiteY3" fmla="*/ 624069 h 2280252"/>
              <a:gd name="connsiteX4" fmla="*/ 3103404 w 4275801"/>
              <a:gd name="connsiteY4" fmla="*/ 2160240 h 2280252"/>
              <a:gd name="connsiteX5" fmla="*/ 3241333 w 4275801"/>
              <a:gd name="connsiteY5" fmla="*/ 1800200 h 2280252"/>
              <a:gd name="connsiteX6" fmla="*/ 3379262 w 4275801"/>
              <a:gd name="connsiteY6" fmla="*/ 1368152 h 2280252"/>
              <a:gd name="connsiteX7" fmla="*/ 3655120 w 4275801"/>
              <a:gd name="connsiteY7" fmla="*/ 936104 h 2280252"/>
              <a:gd name="connsiteX8" fmla="*/ 4275801 w 4275801"/>
              <a:gd name="connsiteY8" fmla="*/ 0 h 2280252"/>
              <a:gd name="connsiteX0" fmla="*/ 0 w 4275801"/>
              <a:gd name="connsiteY0" fmla="*/ 2280252 h 2280252"/>
              <a:gd name="connsiteX1" fmla="*/ 551715 w 4275801"/>
              <a:gd name="connsiteY1" fmla="*/ 1848204 h 2280252"/>
              <a:gd name="connsiteX2" fmla="*/ 1931007 w 4275801"/>
              <a:gd name="connsiteY2" fmla="*/ 912100 h 2280252"/>
              <a:gd name="connsiteX3" fmla="*/ 3103404 w 4275801"/>
              <a:gd name="connsiteY3" fmla="*/ 2160240 h 2280252"/>
              <a:gd name="connsiteX4" fmla="*/ 3241333 w 4275801"/>
              <a:gd name="connsiteY4" fmla="*/ 1800200 h 2280252"/>
              <a:gd name="connsiteX5" fmla="*/ 3379262 w 4275801"/>
              <a:gd name="connsiteY5" fmla="*/ 1368152 h 2280252"/>
              <a:gd name="connsiteX6" fmla="*/ 3655120 w 4275801"/>
              <a:gd name="connsiteY6" fmla="*/ 936104 h 2280252"/>
              <a:gd name="connsiteX7" fmla="*/ 4275801 w 4275801"/>
              <a:gd name="connsiteY7" fmla="*/ 0 h 2280252"/>
              <a:gd name="connsiteX0" fmla="*/ 0 w 4275801"/>
              <a:gd name="connsiteY0" fmla="*/ 2280252 h 2280252"/>
              <a:gd name="connsiteX1" fmla="*/ 551715 w 4275801"/>
              <a:gd name="connsiteY1" fmla="*/ 1848204 h 2280252"/>
              <a:gd name="connsiteX2" fmla="*/ 3103404 w 4275801"/>
              <a:gd name="connsiteY2" fmla="*/ 2160240 h 2280252"/>
              <a:gd name="connsiteX3" fmla="*/ 3241333 w 4275801"/>
              <a:gd name="connsiteY3" fmla="*/ 1800200 h 2280252"/>
              <a:gd name="connsiteX4" fmla="*/ 3379262 w 4275801"/>
              <a:gd name="connsiteY4" fmla="*/ 1368152 h 2280252"/>
              <a:gd name="connsiteX5" fmla="*/ 3655120 w 4275801"/>
              <a:gd name="connsiteY5" fmla="*/ 936104 h 2280252"/>
              <a:gd name="connsiteX6" fmla="*/ 4275801 w 4275801"/>
              <a:gd name="connsiteY6" fmla="*/ 0 h 2280252"/>
              <a:gd name="connsiteX0" fmla="*/ 0 w 4275801"/>
              <a:gd name="connsiteY0" fmla="*/ 2280252 h 2280252"/>
              <a:gd name="connsiteX1" fmla="*/ 3103404 w 4275801"/>
              <a:gd name="connsiteY1" fmla="*/ 2160240 h 2280252"/>
              <a:gd name="connsiteX2" fmla="*/ 3241333 w 4275801"/>
              <a:gd name="connsiteY2" fmla="*/ 1800200 h 2280252"/>
              <a:gd name="connsiteX3" fmla="*/ 3379262 w 4275801"/>
              <a:gd name="connsiteY3" fmla="*/ 1368152 h 2280252"/>
              <a:gd name="connsiteX4" fmla="*/ 3655120 w 4275801"/>
              <a:gd name="connsiteY4" fmla="*/ 936104 h 2280252"/>
              <a:gd name="connsiteX5" fmla="*/ 4275801 w 4275801"/>
              <a:gd name="connsiteY5" fmla="*/ 0 h 2280252"/>
              <a:gd name="connsiteX0" fmla="*/ 1988477 w 2635019"/>
              <a:gd name="connsiteY0" fmla="*/ 2736304 h 2736304"/>
              <a:gd name="connsiteX1" fmla="*/ 540222 w 2635019"/>
              <a:gd name="connsiteY1" fmla="*/ 2160240 h 2736304"/>
              <a:gd name="connsiteX2" fmla="*/ 678151 w 2635019"/>
              <a:gd name="connsiteY2" fmla="*/ 1800200 h 2736304"/>
              <a:gd name="connsiteX3" fmla="*/ 816080 w 2635019"/>
              <a:gd name="connsiteY3" fmla="*/ 1368152 h 2736304"/>
              <a:gd name="connsiteX4" fmla="*/ 1091938 w 2635019"/>
              <a:gd name="connsiteY4" fmla="*/ 936104 h 2736304"/>
              <a:gd name="connsiteX5" fmla="*/ 1712619 w 2635019"/>
              <a:gd name="connsiteY5" fmla="*/ 0 h 2736304"/>
              <a:gd name="connsiteX0" fmla="*/ 1310326 w 1956869"/>
              <a:gd name="connsiteY0" fmla="*/ 2736304 h 2736304"/>
              <a:gd name="connsiteX1" fmla="*/ 620680 w 1956869"/>
              <a:gd name="connsiteY1" fmla="*/ 1944216 h 2736304"/>
              <a:gd name="connsiteX2" fmla="*/ 0 w 1956869"/>
              <a:gd name="connsiteY2" fmla="*/ 1800200 h 2736304"/>
              <a:gd name="connsiteX3" fmla="*/ 137929 w 1956869"/>
              <a:gd name="connsiteY3" fmla="*/ 1368152 h 2736304"/>
              <a:gd name="connsiteX4" fmla="*/ 413787 w 1956869"/>
              <a:gd name="connsiteY4" fmla="*/ 936104 h 2736304"/>
              <a:gd name="connsiteX5" fmla="*/ 1034468 w 1956869"/>
              <a:gd name="connsiteY5" fmla="*/ 0 h 2736304"/>
              <a:gd name="connsiteX0" fmla="*/ 1310326 w 1310326"/>
              <a:gd name="connsiteY0" fmla="*/ 2736304 h 2736304"/>
              <a:gd name="connsiteX1" fmla="*/ 0 w 1310326"/>
              <a:gd name="connsiteY1" fmla="*/ 1800200 h 2736304"/>
              <a:gd name="connsiteX2" fmla="*/ 137929 w 1310326"/>
              <a:gd name="connsiteY2" fmla="*/ 1368152 h 2736304"/>
              <a:gd name="connsiteX3" fmla="*/ 413787 w 1310326"/>
              <a:gd name="connsiteY3" fmla="*/ 936104 h 2736304"/>
              <a:gd name="connsiteX4" fmla="*/ 1034468 w 1310326"/>
              <a:gd name="connsiteY4" fmla="*/ 0 h 2736304"/>
              <a:gd name="connsiteX0" fmla="*/ 1172397 w 1172397"/>
              <a:gd name="connsiteY0" fmla="*/ 2736304 h 2736304"/>
              <a:gd name="connsiteX1" fmla="*/ 0 w 1172397"/>
              <a:gd name="connsiteY1" fmla="*/ 1368152 h 2736304"/>
              <a:gd name="connsiteX2" fmla="*/ 275858 w 1172397"/>
              <a:gd name="connsiteY2" fmla="*/ 936104 h 2736304"/>
              <a:gd name="connsiteX3" fmla="*/ 896539 w 1172397"/>
              <a:gd name="connsiteY3" fmla="*/ 0 h 2736304"/>
              <a:gd name="connsiteX0" fmla="*/ 896539 w 896539"/>
              <a:gd name="connsiteY0" fmla="*/ 2736304 h 2736304"/>
              <a:gd name="connsiteX1" fmla="*/ 68964 w 896539"/>
              <a:gd name="connsiteY1" fmla="*/ 1800200 h 2736304"/>
              <a:gd name="connsiteX2" fmla="*/ 0 w 896539"/>
              <a:gd name="connsiteY2" fmla="*/ 936104 h 2736304"/>
              <a:gd name="connsiteX3" fmla="*/ 620681 w 896539"/>
              <a:gd name="connsiteY3" fmla="*/ 0 h 2736304"/>
              <a:gd name="connsiteX0" fmla="*/ 827575 w 827575"/>
              <a:gd name="connsiteY0" fmla="*/ 2736304 h 2736304"/>
              <a:gd name="connsiteX1" fmla="*/ 0 w 827575"/>
              <a:gd name="connsiteY1" fmla="*/ 1800200 h 2736304"/>
              <a:gd name="connsiteX2" fmla="*/ 68964 w 827575"/>
              <a:gd name="connsiteY2" fmla="*/ 1080120 h 2736304"/>
              <a:gd name="connsiteX3" fmla="*/ 551717 w 827575"/>
              <a:gd name="connsiteY3" fmla="*/ 0 h 2736304"/>
              <a:gd name="connsiteX0" fmla="*/ 758611 w 758611"/>
              <a:gd name="connsiteY0" fmla="*/ 2736304 h 2736304"/>
              <a:gd name="connsiteX1" fmla="*/ 68965 w 758611"/>
              <a:gd name="connsiteY1" fmla="*/ 1800200 h 2736304"/>
              <a:gd name="connsiteX2" fmla="*/ 0 w 758611"/>
              <a:gd name="connsiteY2" fmla="*/ 1080120 h 2736304"/>
              <a:gd name="connsiteX3" fmla="*/ 482753 w 758611"/>
              <a:gd name="connsiteY3" fmla="*/ 0 h 2736304"/>
              <a:gd name="connsiteX0" fmla="*/ 776350 w 776350"/>
              <a:gd name="connsiteY0" fmla="*/ 2736304 h 2736304"/>
              <a:gd name="connsiteX1" fmla="*/ 86704 w 776350"/>
              <a:gd name="connsiteY1" fmla="*/ 1800200 h 2736304"/>
              <a:gd name="connsiteX2" fmla="*/ 17739 w 776350"/>
              <a:gd name="connsiteY2" fmla="*/ 1080120 h 2736304"/>
              <a:gd name="connsiteX3" fmla="*/ 500492 w 776350"/>
              <a:gd name="connsiteY3" fmla="*/ 0 h 2736304"/>
              <a:gd name="connsiteX0" fmla="*/ 776350 w 776350"/>
              <a:gd name="connsiteY0" fmla="*/ 2736304 h 2736304"/>
              <a:gd name="connsiteX1" fmla="*/ 86704 w 776350"/>
              <a:gd name="connsiteY1" fmla="*/ 1800200 h 2736304"/>
              <a:gd name="connsiteX2" fmla="*/ 17739 w 776350"/>
              <a:gd name="connsiteY2" fmla="*/ 1080120 h 2736304"/>
              <a:gd name="connsiteX3" fmla="*/ 500492 w 776350"/>
              <a:gd name="connsiteY3" fmla="*/ 0 h 2736304"/>
              <a:gd name="connsiteX0" fmla="*/ 764716 w 764716"/>
              <a:gd name="connsiteY0" fmla="*/ 2736304 h 2736304"/>
              <a:gd name="connsiteX1" fmla="*/ 144034 w 764716"/>
              <a:gd name="connsiteY1" fmla="*/ 1800200 h 2736304"/>
              <a:gd name="connsiteX2" fmla="*/ 6105 w 764716"/>
              <a:gd name="connsiteY2" fmla="*/ 1080120 h 2736304"/>
              <a:gd name="connsiteX3" fmla="*/ 488858 w 764716"/>
              <a:gd name="connsiteY3" fmla="*/ 0 h 2736304"/>
              <a:gd name="connsiteX0" fmla="*/ 764716 w 764716"/>
              <a:gd name="connsiteY0" fmla="*/ 2736304 h 2736304"/>
              <a:gd name="connsiteX1" fmla="*/ 144034 w 764716"/>
              <a:gd name="connsiteY1" fmla="*/ 1800200 h 2736304"/>
              <a:gd name="connsiteX2" fmla="*/ 6105 w 764716"/>
              <a:gd name="connsiteY2" fmla="*/ 1080120 h 2736304"/>
              <a:gd name="connsiteX3" fmla="*/ 68964 w 764716"/>
              <a:gd name="connsiteY3" fmla="*/ 864096 h 2736304"/>
              <a:gd name="connsiteX4" fmla="*/ 488858 w 764716"/>
              <a:gd name="connsiteY4" fmla="*/ 0 h 2736304"/>
              <a:gd name="connsiteX0" fmla="*/ 782456 w 782456"/>
              <a:gd name="connsiteY0" fmla="*/ 2736304 h 2736304"/>
              <a:gd name="connsiteX1" fmla="*/ 86704 w 782456"/>
              <a:gd name="connsiteY1" fmla="*/ 1872208 h 2736304"/>
              <a:gd name="connsiteX2" fmla="*/ 23845 w 782456"/>
              <a:gd name="connsiteY2" fmla="*/ 1080120 h 2736304"/>
              <a:gd name="connsiteX3" fmla="*/ 86704 w 782456"/>
              <a:gd name="connsiteY3" fmla="*/ 864096 h 2736304"/>
              <a:gd name="connsiteX4" fmla="*/ 506598 w 782456"/>
              <a:gd name="connsiteY4" fmla="*/ 0 h 2736304"/>
              <a:gd name="connsiteX0" fmla="*/ 764716 w 764716"/>
              <a:gd name="connsiteY0" fmla="*/ 2736304 h 2736304"/>
              <a:gd name="connsiteX1" fmla="*/ 68964 w 764716"/>
              <a:gd name="connsiteY1" fmla="*/ 1872208 h 2736304"/>
              <a:gd name="connsiteX2" fmla="*/ 6105 w 764716"/>
              <a:gd name="connsiteY2" fmla="*/ 1080120 h 2736304"/>
              <a:gd name="connsiteX3" fmla="*/ 68964 w 764716"/>
              <a:gd name="connsiteY3" fmla="*/ 864096 h 2736304"/>
              <a:gd name="connsiteX4" fmla="*/ 488858 w 764716"/>
              <a:gd name="connsiteY4" fmla="*/ 0 h 2736304"/>
              <a:gd name="connsiteX0" fmla="*/ 764716 w 764716"/>
              <a:gd name="connsiteY0" fmla="*/ 2736304 h 2736304"/>
              <a:gd name="connsiteX1" fmla="*/ 137929 w 764716"/>
              <a:gd name="connsiteY1" fmla="*/ 1872208 h 2736304"/>
              <a:gd name="connsiteX2" fmla="*/ 6105 w 764716"/>
              <a:gd name="connsiteY2" fmla="*/ 1080120 h 2736304"/>
              <a:gd name="connsiteX3" fmla="*/ 68964 w 764716"/>
              <a:gd name="connsiteY3" fmla="*/ 864096 h 2736304"/>
              <a:gd name="connsiteX4" fmla="*/ 488858 w 764716"/>
              <a:gd name="connsiteY4" fmla="*/ 0 h 2736304"/>
              <a:gd name="connsiteX0" fmla="*/ 764716 w 764716"/>
              <a:gd name="connsiteY0" fmla="*/ 2736304 h 2736304"/>
              <a:gd name="connsiteX1" fmla="*/ 137929 w 764716"/>
              <a:gd name="connsiteY1" fmla="*/ 1872208 h 2736304"/>
              <a:gd name="connsiteX2" fmla="*/ 6105 w 764716"/>
              <a:gd name="connsiteY2" fmla="*/ 1080120 h 2736304"/>
              <a:gd name="connsiteX3" fmla="*/ 68964 w 764716"/>
              <a:gd name="connsiteY3" fmla="*/ 864096 h 2736304"/>
              <a:gd name="connsiteX4" fmla="*/ 488858 w 764716"/>
              <a:gd name="connsiteY4" fmla="*/ 0 h 2736304"/>
              <a:gd name="connsiteX0" fmla="*/ 764716 w 764716"/>
              <a:gd name="connsiteY0" fmla="*/ 2736304 h 2736304"/>
              <a:gd name="connsiteX1" fmla="*/ 137929 w 764716"/>
              <a:gd name="connsiteY1" fmla="*/ 1847005 h 2736304"/>
              <a:gd name="connsiteX2" fmla="*/ 6105 w 764716"/>
              <a:gd name="connsiteY2" fmla="*/ 1080120 h 2736304"/>
              <a:gd name="connsiteX3" fmla="*/ 68964 w 764716"/>
              <a:gd name="connsiteY3" fmla="*/ 864096 h 2736304"/>
              <a:gd name="connsiteX4" fmla="*/ 488858 w 764716"/>
              <a:gd name="connsiteY4" fmla="*/ 0 h 2736304"/>
              <a:gd name="connsiteX0" fmla="*/ 759189 w 759189"/>
              <a:gd name="connsiteY0" fmla="*/ 2736304 h 2736304"/>
              <a:gd name="connsiteX1" fmla="*/ 132402 w 759189"/>
              <a:gd name="connsiteY1" fmla="*/ 1847005 h 2736304"/>
              <a:gd name="connsiteX2" fmla="*/ 578 w 759189"/>
              <a:gd name="connsiteY2" fmla="*/ 1080120 h 2736304"/>
              <a:gd name="connsiteX3" fmla="*/ 63437 w 759189"/>
              <a:gd name="connsiteY3" fmla="*/ 864096 h 2736304"/>
              <a:gd name="connsiteX4" fmla="*/ 483331 w 759189"/>
              <a:gd name="connsiteY4" fmla="*/ 0 h 2736304"/>
              <a:gd name="connsiteX0" fmla="*/ 759189 w 759189"/>
              <a:gd name="connsiteY0" fmla="*/ 2736304 h 2736304"/>
              <a:gd name="connsiteX1" fmla="*/ 132402 w 759189"/>
              <a:gd name="connsiteY1" fmla="*/ 1847005 h 2736304"/>
              <a:gd name="connsiteX2" fmla="*/ 578 w 759189"/>
              <a:gd name="connsiteY2" fmla="*/ 1080120 h 2736304"/>
              <a:gd name="connsiteX3" fmla="*/ 63437 w 759189"/>
              <a:gd name="connsiteY3" fmla="*/ 864096 h 2736304"/>
              <a:gd name="connsiteX4" fmla="*/ 483331 w 759189"/>
              <a:gd name="connsiteY4" fmla="*/ 0 h 2736304"/>
              <a:gd name="connsiteX0" fmla="*/ 759189 w 759189"/>
              <a:gd name="connsiteY0" fmla="*/ 2736304 h 2736304"/>
              <a:gd name="connsiteX1" fmla="*/ 132402 w 759189"/>
              <a:gd name="connsiteY1" fmla="*/ 1847005 h 2736304"/>
              <a:gd name="connsiteX2" fmla="*/ 578 w 759189"/>
              <a:gd name="connsiteY2" fmla="*/ 1080120 h 2736304"/>
              <a:gd name="connsiteX3" fmla="*/ 132401 w 759189"/>
              <a:gd name="connsiteY3" fmla="*/ 684076 h 2736304"/>
              <a:gd name="connsiteX4" fmla="*/ 483331 w 759189"/>
              <a:gd name="connsiteY4" fmla="*/ 0 h 2736304"/>
              <a:gd name="connsiteX0" fmla="*/ 759189 w 759189"/>
              <a:gd name="connsiteY0" fmla="*/ 2736304 h 2736304"/>
              <a:gd name="connsiteX1" fmla="*/ 132402 w 759189"/>
              <a:gd name="connsiteY1" fmla="*/ 1847005 h 2736304"/>
              <a:gd name="connsiteX2" fmla="*/ 578 w 759189"/>
              <a:gd name="connsiteY2" fmla="*/ 1080120 h 2736304"/>
              <a:gd name="connsiteX3" fmla="*/ 132401 w 759189"/>
              <a:gd name="connsiteY3" fmla="*/ 684076 h 2736304"/>
              <a:gd name="connsiteX4" fmla="*/ 483331 w 759189"/>
              <a:gd name="connsiteY4" fmla="*/ 0 h 2736304"/>
              <a:gd name="connsiteX0" fmla="*/ 759189 w 759189"/>
              <a:gd name="connsiteY0" fmla="*/ 2736304 h 2736304"/>
              <a:gd name="connsiteX1" fmla="*/ 132402 w 759189"/>
              <a:gd name="connsiteY1" fmla="*/ 1847005 h 2736304"/>
              <a:gd name="connsiteX2" fmla="*/ 578 w 759189"/>
              <a:gd name="connsiteY2" fmla="*/ 1080120 h 2736304"/>
              <a:gd name="connsiteX3" fmla="*/ 132401 w 759189"/>
              <a:gd name="connsiteY3" fmla="*/ 684076 h 2736304"/>
              <a:gd name="connsiteX4" fmla="*/ 483331 w 759189"/>
              <a:gd name="connsiteY4" fmla="*/ 0 h 27363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759189" h="2736304">
                <a:moveTo>
                  <a:pt x="759189" y="2736304"/>
                </a:moveTo>
                <a:cubicBezTo>
                  <a:pt x="514940" y="2451272"/>
                  <a:pt x="281825" y="2147038"/>
                  <a:pt x="132402" y="1847005"/>
                </a:cubicBezTo>
                <a:cubicBezTo>
                  <a:pt x="30716" y="1578142"/>
                  <a:pt x="0" y="1524131"/>
                  <a:pt x="578" y="1080120"/>
                </a:cubicBezTo>
                <a:cubicBezTo>
                  <a:pt x="87158" y="711811"/>
                  <a:pt x="111448" y="756084"/>
                  <a:pt x="132401" y="684076"/>
                </a:cubicBezTo>
                <a:cubicBezTo>
                  <a:pt x="266793" y="447259"/>
                  <a:pt x="366354" y="228025"/>
                  <a:pt x="483331" y="0"/>
                </a:cubicBezTo>
              </a:path>
            </a:pathLst>
          </a:custGeom>
          <a:ln w="41275">
            <a:solidFill>
              <a:schemeClr val="accent6">
                <a:lumMod val="75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1" name="Textfeld 10"/>
          <p:cNvSpPr txBox="1"/>
          <p:nvPr/>
        </p:nvSpPr>
        <p:spPr>
          <a:xfrm>
            <a:off x="6192181" y="2625756"/>
            <a:ext cx="492443" cy="20774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750"/>
              <a:t>Simatic</a:t>
            </a:r>
            <a:endParaRPr lang="en-GB" sz="750"/>
          </a:p>
        </p:txBody>
      </p:sp>
      <p:sp>
        <p:nvSpPr>
          <p:cNvPr id="12" name="Titel 3"/>
          <p:cNvSpPr txBox="1">
            <a:spLocks/>
          </p:cNvSpPr>
          <p:nvPr/>
        </p:nvSpPr>
        <p:spPr>
          <a:xfrm>
            <a:off x="2317608" y="975276"/>
            <a:ext cx="6453000" cy="261900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9pPr>
          </a:lstStyle>
          <a:p>
            <a:r>
              <a:rPr lang="cs-CZ" sz="2400" dirty="0"/>
              <a:t>Konfigurace a programování</a:t>
            </a:r>
            <a:endParaRPr lang="en-US" sz="2400" dirty="0"/>
          </a:p>
        </p:txBody>
      </p:sp>
      <p:sp>
        <p:nvSpPr>
          <p:cNvPr id="13" name="Nadpis 19"/>
          <p:cNvSpPr txBox="1">
            <a:spLocks/>
          </p:cNvSpPr>
          <p:nvPr/>
        </p:nvSpPr>
        <p:spPr>
          <a:xfrm>
            <a:off x="251520" y="195486"/>
            <a:ext cx="8604000" cy="261900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9pPr>
          </a:lstStyle>
          <a:p>
            <a:r>
              <a:rPr lang="cs-CZ" sz="4000"/>
              <a:t>Motion terminal VTEM</a:t>
            </a:r>
            <a:endParaRPr lang="cs-CZ" sz="4000" dirty="0"/>
          </a:p>
        </p:txBody>
      </p:sp>
    </p:spTree>
    <p:extLst>
      <p:ext uri="{BB962C8B-B14F-4D97-AF65-F5344CB8AC3E}">
        <p14:creationId xmlns:p14="http://schemas.microsoft.com/office/powerpoint/2010/main" val="4280125502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32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3200" dirty="0">
                <a:solidFill>
                  <a:schemeClr val="accent1">
                    <a:lumMod val="50000"/>
                  </a:schemeClr>
                </a:solidFill>
              </a:rPr>
              <a:t>FESTO Didactic – CP </a:t>
            </a:r>
            <a:r>
              <a:rPr lang="cs-CZ" sz="3200" dirty="0" err="1">
                <a:solidFill>
                  <a:schemeClr val="accent1">
                    <a:lumMod val="50000"/>
                  </a:schemeClr>
                </a:solidFill>
              </a:rPr>
              <a:t>Factory</a:t>
            </a:r>
            <a:endParaRPr lang="cs-CZ" sz="3200" dirty="0"/>
          </a:p>
        </p:txBody>
      </p:sp>
      <p:sp>
        <p:nvSpPr>
          <p:cNvPr id="10" name="Zástupný symbol pro zápatí 21">
            <a:extLst>
              <a:ext uri="{FF2B5EF4-FFF2-40B4-BE49-F238E27FC236}">
                <a16:creationId xmlns:a16="http://schemas.microsoft.com/office/drawing/2014/main" id="{D4C7643F-7B3B-4293-AC7D-39D88F33AF0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  <p:sp>
        <p:nvSpPr>
          <p:cNvPr id="5" name="Zástupný symbol pro text 4">
            <a:extLst>
              <a:ext uri="{FF2B5EF4-FFF2-40B4-BE49-F238E27FC236}">
                <a16:creationId xmlns:a16="http://schemas.microsoft.com/office/drawing/2014/main" id="{36A9B1F3-5F44-4A01-A7AE-B2F0DEA5990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/>
          </a:p>
        </p:txBody>
      </p:sp>
      <p:pic>
        <p:nvPicPr>
          <p:cNvPr id="8" name="Obrázek 7">
            <a:extLst>
              <a:ext uri="{FF2B5EF4-FFF2-40B4-BE49-F238E27FC236}">
                <a16:creationId xmlns:a16="http://schemas.microsoft.com/office/drawing/2014/main" id="{D4FA03CC-8A77-4661-B568-1A9BA9E4BB6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8480" y="902997"/>
            <a:ext cx="9144000" cy="40865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04511437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33</a:t>
            </a:fld>
            <a:endParaRPr lang="en-GB"/>
          </a:p>
        </p:txBody>
      </p:sp>
      <p:sp>
        <p:nvSpPr>
          <p:cNvPr id="9" name="Zástupný symbol pro text 8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 dirty="0"/>
          </a:p>
        </p:txBody>
      </p:sp>
      <p:sp>
        <p:nvSpPr>
          <p:cNvPr id="10" name="Nadpis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11" name="Zástupný symbol pro zápatí 21">
            <a:extLst>
              <a:ext uri="{FF2B5EF4-FFF2-40B4-BE49-F238E27FC236}">
                <a16:creationId xmlns:a16="http://schemas.microsoft.com/office/drawing/2014/main" id="{CB0578BC-580C-4448-B779-F9BA851DF90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  <p:pic>
        <p:nvPicPr>
          <p:cNvPr id="7" name="Obrázek 6">
            <a:extLst>
              <a:ext uri="{FF2B5EF4-FFF2-40B4-BE49-F238E27FC236}">
                <a16:creationId xmlns:a16="http://schemas.microsoft.com/office/drawing/2014/main" id="{E208A67C-8FB2-4E29-8F2E-30ED1011C63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559704"/>
            <a:ext cx="9144000" cy="40240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8738582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34</a:t>
            </a:fld>
            <a:endParaRPr lang="en-GB"/>
          </a:p>
        </p:txBody>
      </p:sp>
      <p:sp>
        <p:nvSpPr>
          <p:cNvPr id="9" name="Zástupný symbol pro text 8"/>
          <p:cNvSpPr>
            <a:spLocks noGrp="1"/>
          </p:cNvSpPr>
          <p:nvPr>
            <p:ph type="body" sz="quarter" idx="12"/>
          </p:nvPr>
        </p:nvSpPr>
        <p:spPr>
          <a:xfrm>
            <a:off x="179512" y="1059582"/>
            <a:ext cx="8641174" cy="3456384"/>
          </a:xfrm>
        </p:spPr>
        <p:txBody>
          <a:bodyPr/>
          <a:lstStyle/>
          <a:p>
            <a:r>
              <a:rPr lang="cs-CZ" dirty="0"/>
              <a:t>Ing. Filip Škeřík</a:t>
            </a:r>
          </a:p>
          <a:p>
            <a:r>
              <a:rPr lang="cs-CZ" dirty="0"/>
              <a:t>Master </a:t>
            </a:r>
            <a:r>
              <a:rPr lang="cs-CZ" dirty="0" err="1"/>
              <a:t>trainer</a:t>
            </a:r>
            <a:endParaRPr lang="cs-CZ" dirty="0"/>
          </a:p>
          <a:p>
            <a:r>
              <a:rPr lang="cs-CZ" dirty="0">
                <a:hlinkClick r:id="rId3"/>
              </a:rPr>
              <a:t>filip.skerik@festo.com</a:t>
            </a:r>
            <a:endParaRPr lang="cs-CZ" dirty="0"/>
          </a:p>
          <a:p>
            <a:r>
              <a:rPr lang="cs-CZ" dirty="0"/>
              <a:t>+420 702 148 269</a:t>
            </a:r>
          </a:p>
          <a:p>
            <a:endParaRPr lang="cs-CZ" dirty="0"/>
          </a:p>
          <a:p>
            <a:r>
              <a:rPr lang="cs-CZ" dirty="0"/>
              <a:t>Daniel Semerád</a:t>
            </a:r>
          </a:p>
          <a:p>
            <a:r>
              <a:rPr lang="cs-CZ" dirty="0"/>
              <a:t>Obchodně – technický poradce</a:t>
            </a:r>
          </a:p>
          <a:p>
            <a:r>
              <a:rPr lang="cs-CZ" dirty="0">
                <a:hlinkClick r:id="rId4"/>
              </a:rPr>
              <a:t>daniel.semerad@festo.com</a:t>
            </a:r>
            <a:endParaRPr lang="cs-CZ" dirty="0"/>
          </a:p>
          <a:p>
            <a:r>
              <a:rPr lang="cs-CZ" dirty="0"/>
              <a:t>+420 720 942 899</a:t>
            </a:r>
          </a:p>
          <a:p>
            <a:endParaRPr lang="cs-CZ" dirty="0"/>
          </a:p>
        </p:txBody>
      </p:sp>
      <p:sp>
        <p:nvSpPr>
          <p:cNvPr id="10" name="Nadpis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cs-CZ"/>
          </a:p>
        </p:txBody>
      </p:sp>
      <p:sp>
        <p:nvSpPr>
          <p:cNvPr id="11" name="Zástupný symbol pro zápatí 21">
            <a:extLst>
              <a:ext uri="{FF2B5EF4-FFF2-40B4-BE49-F238E27FC236}">
                <a16:creationId xmlns:a16="http://schemas.microsoft.com/office/drawing/2014/main" id="{CB0578BC-580C-4448-B779-F9BA851DF90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305970028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4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1930   Okružní pila a dlabačka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/>
          </a:p>
        </p:txBody>
      </p:sp>
      <p:pic>
        <p:nvPicPr>
          <p:cNvPr id="5" name="Obrázek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79512" y="1430169"/>
            <a:ext cx="3628571" cy="2619048"/>
          </a:xfrm>
          <a:prstGeom prst="rect">
            <a:avLst/>
          </a:prstGeom>
        </p:spPr>
      </p:pic>
      <p:pic>
        <p:nvPicPr>
          <p:cNvPr id="6" name="Obrázek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148064" y="1444578"/>
            <a:ext cx="2880320" cy="3458608"/>
          </a:xfrm>
          <a:prstGeom prst="rect">
            <a:avLst/>
          </a:prstGeom>
        </p:spPr>
      </p:pic>
      <p:sp>
        <p:nvSpPr>
          <p:cNvPr id="9" name="Zástupný symbol pro zápatí 21">
            <a:extLst>
              <a:ext uri="{FF2B5EF4-FFF2-40B4-BE49-F238E27FC236}">
                <a16:creationId xmlns:a16="http://schemas.microsoft.com/office/drawing/2014/main" id="{3720E799-645D-4CBF-9056-27BCA37F547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10904871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5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1938   Talířová bruska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/>
          </a:p>
        </p:txBody>
      </p:sp>
      <p:pic>
        <p:nvPicPr>
          <p:cNvPr id="4" name="Obrázek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03648" y="1058051"/>
            <a:ext cx="5889721" cy="3924027"/>
          </a:xfrm>
          <a:prstGeom prst="rect">
            <a:avLst/>
          </a:prstGeom>
        </p:spPr>
      </p:pic>
      <p:sp>
        <p:nvSpPr>
          <p:cNvPr id="8" name="Zástupný symbol pro zápatí 21">
            <a:extLst>
              <a:ext uri="{FF2B5EF4-FFF2-40B4-BE49-F238E27FC236}">
                <a16:creationId xmlns:a16="http://schemas.microsoft.com/office/drawing/2014/main" id="{2C6ECA0C-3278-416D-B5F9-1A02DDEACD6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30288040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6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nyní                           v České Lípě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/>
          </a:p>
        </p:txBody>
      </p:sp>
      <p:pic>
        <p:nvPicPr>
          <p:cNvPr id="5" name="Obrázek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47664" y="326436"/>
            <a:ext cx="2592288" cy="412703"/>
          </a:xfrm>
          <a:prstGeom prst="rect">
            <a:avLst/>
          </a:prstGeom>
        </p:spPr>
      </p:pic>
      <p:pic>
        <p:nvPicPr>
          <p:cNvPr id="9" name="Content Placeholder 4" descr="Areál Protool 01.jpg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146560" y="1327742"/>
            <a:ext cx="4961505" cy="3312368"/>
          </a:xfrm>
          <a:prstGeom prst="rect">
            <a:avLst/>
          </a:prstGeom>
        </p:spPr>
      </p:pic>
      <p:pic>
        <p:nvPicPr>
          <p:cNvPr id="10" name="Picture 4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5652120" y="1419622"/>
            <a:ext cx="2577008" cy="30904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1" name="Zástupný symbol pro zápatí 21">
            <a:extLst>
              <a:ext uri="{FF2B5EF4-FFF2-40B4-BE49-F238E27FC236}">
                <a16:creationId xmlns:a16="http://schemas.microsoft.com/office/drawing/2014/main" id="{808C7067-19D1-42DE-9CF4-6BD62161F4C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36162979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7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1955   Počátek pneumatiky FESTO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/>
          </a:p>
        </p:txBody>
      </p:sp>
      <p:pic>
        <p:nvPicPr>
          <p:cNvPr id="8" name="Picture 4" descr="1955 AH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259632" y="1095095"/>
            <a:ext cx="6320951" cy="38535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Zástupný symbol pro zápatí 21">
            <a:extLst>
              <a:ext uri="{FF2B5EF4-FFF2-40B4-BE49-F238E27FC236}">
                <a16:creationId xmlns:a16="http://schemas.microsoft.com/office/drawing/2014/main" id="{88F587A4-8229-43C1-9DDD-30683152D61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412507619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8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1956   Katalog a aplikace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cs-CZ"/>
          </a:p>
        </p:txBody>
      </p:sp>
      <p:pic>
        <p:nvPicPr>
          <p:cNvPr id="9" name="Picture 7" descr="Der erste Teile-Katalog 1956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803971" y="1193662"/>
            <a:ext cx="3322389" cy="36129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0" name="Picture 10" descr="C:\Buchprojekt 2005\Hist_Produkte\G1570.TIF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4932040" y="1197915"/>
            <a:ext cx="3082966" cy="36023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1" name="Zástupný symbol pro zápatí 21">
            <a:extLst>
              <a:ext uri="{FF2B5EF4-FFF2-40B4-BE49-F238E27FC236}">
                <a16:creationId xmlns:a16="http://schemas.microsoft.com/office/drawing/2014/main" id="{80B2D0A9-CE02-4204-9590-1CA4B26E4C7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35794850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4" descr="Třetí průmyslová revoluce_a.tif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179512" y="1356313"/>
            <a:ext cx="3625135" cy="3600191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B6937C8-37DE-4C19-8111-428DD1E1818A}" type="slidenum">
              <a:rPr lang="en-GB" smtClean="0"/>
              <a:pPr/>
              <a:t>9</a:t>
            </a:fld>
            <a:endParaRPr lang="en-GB"/>
          </a:p>
        </p:txBody>
      </p:sp>
      <p:sp>
        <p:nvSpPr>
          <p:cNvPr id="20" name="Nadpis 19"/>
          <p:cNvSpPr>
            <a:spLocks noGrp="1"/>
          </p:cNvSpPr>
          <p:nvPr>
            <p:ph type="title"/>
          </p:nvPr>
        </p:nvSpPr>
        <p:spPr>
          <a:xfrm>
            <a:off x="251520" y="195486"/>
            <a:ext cx="8604000" cy="261900"/>
          </a:xfrm>
        </p:spPr>
        <p:txBody>
          <a:bodyPr/>
          <a:lstStyle/>
          <a:p>
            <a:r>
              <a:rPr lang="cs-CZ" sz="4000" dirty="0"/>
              <a:t>1980   Přichází FESTO </a:t>
            </a:r>
            <a:r>
              <a:rPr lang="cs-CZ" sz="4000" dirty="0" err="1"/>
              <a:t>Electronic</a:t>
            </a:r>
            <a:r>
              <a:rPr lang="cs-CZ" sz="4000" dirty="0"/>
              <a:t> </a:t>
            </a:r>
          </a:p>
        </p:txBody>
      </p:sp>
      <p:sp>
        <p:nvSpPr>
          <p:cNvPr id="3" name="Zástupný symbol pro text 2"/>
          <p:cNvSpPr>
            <a:spLocks noGrp="1"/>
          </p:cNvSpPr>
          <p:nvPr>
            <p:ph type="body" sz="quarter" idx="12"/>
          </p:nvPr>
        </p:nvSpPr>
        <p:spPr>
          <a:xfrm>
            <a:off x="515915" y="1563638"/>
            <a:ext cx="2952328" cy="268160"/>
          </a:xfrm>
        </p:spPr>
        <p:txBody>
          <a:bodyPr/>
          <a:lstStyle/>
          <a:p>
            <a:r>
              <a:rPr lang="cs-CZ" dirty="0"/>
              <a:t>Programovatelný automat FC606</a:t>
            </a:r>
          </a:p>
        </p:txBody>
      </p:sp>
      <p:pic>
        <p:nvPicPr>
          <p:cNvPr id="10" name="Picture 8" descr="Festo Electronic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5364088" y="1203598"/>
            <a:ext cx="3072263" cy="3657610"/>
          </a:xfrm>
          <a:prstGeom prst="rect">
            <a:avLst/>
          </a:prstGeom>
          <a:noFill/>
          <a:ln w="9525">
            <a:solidFill>
              <a:schemeClr val="bg2"/>
            </a:solidFill>
            <a:miter lim="800000"/>
            <a:headEnd/>
            <a:tailEnd/>
          </a:ln>
        </p:spPr>
      </p:pic>
      <p:sp>
        <p:nvSpPr>
          <p:cNvPr id="11" name="Zástupný symbol pro zápatí 21">
            <a:extLst>
              <a:ext uri="{FF2B5EF4-FFF2-40B4-BE49-F238E27FC236}">
                <a16:creationId xmlns:a16="http://schemas.microsoft.com/office/drawing/2014/main" id="{AFA0F8EE-0B2C-40DB-BC92-5E2944E8FC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131840" y="5020022"/>
            <a:ext cx="2895600" cy="123478"/>
          </a:xfrm>
        </p:spPr>
        <p:txBody>
          <a:bodyPr/>
          <a:lstStyle/>
          <a:p>
            <a:r>
              <a:rPr lang="cs-CZ" dirty="0"/>
              <a:t>F. Škeřík /  FESTO</a:t>
            </a:r>
          </a:p>
        </p:txBody>
      </p:sp>
    </p:spTree>
    <p:extLst>
      <p:ext uri="{BB962C8B-B14F-4D97-AF65-F5344CB8AC3E}">
        <p14:creationId xmlns:p14="http://schemas.microsoft.com/office/powerpoint/2010/main" val="50725506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&gt;&#10;    &lt;TableOfContents&gt;&#10;      &lt;Id&gt;e292df85-e307-41e2-abaa-1447a479e50c&lt;/Id&gt;&#10;      &lt;IdName&gt;Agenda&lt;/IdName&gt;&#10;      &lt;Label&gt;&amp;lt;translate&amp;gt;Ribbon.New.TableOfContent&amp;lt;/translate&amp;gt;&lt;/Label&gt;&#10;      &lt;ImageMso&gt;FileNew&lt;/ImageMso&gt;&#10;      &lt;Image&gt;&lt;/Image&gt;&#10;      &lt;ShowToc&gt;true&lt;/ShowToc&gt;&#10;      &lt;Layout&gt;Title Subtitle and Content&lt;/Layout&gt;&#10;      &lt;TableOfContentsTitle&gt;Agenda&lt;/TableOfContentsTitle&gt;&#10;      &lt;Insert&gt;Presentation Title&lt;/Insert&gt;&#10;      &lt;InsertRelativePosition&gt;After&lt;/InsertRelativePosition&gt;&#10;      &lt;Level1&gt;Chapter Title&lt;/Level1&gt;&#10;      &lt;Level2&gt;&lt;/Level2&gt;&#10;      &lt;Level3&gt;&lt;/Level3&gt;&#10;      &lt;Level4&gt;&lt;/Level4&gt;&#10;      &lt;Level5&gt;&lt;/Level5&gt;&#10;      &lt;ShowPositionIndicatorSlides&gt;tru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Chapter Title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%Themes%\Festo 4x3.thmx&lt;/DefaultThemeDefinition&gt;&#10;    &lt;PresentationThemeDefinition&gt;%Themes%\Festo 4x3.thmx&lt;/PresentationThemeDefinition&gt;&#10;    &lt;SlideThemeDefinition&gt;%Themes%\Festo 4x3.thmx&lt;/SlideThemeDefinition&gt;&#10;    &lt;ObjectThemeDefinition&gt;%Themes%\Festo 4x3.thmx&lt;/ObjectThemeDefinition&gt;&#10;  &lt;/ThemeDefinition&gt;&#10;  &lt;MasterProperties&gt;&#10;    &lt;MasterProperty Id=&quot;2004112217333376588294&quot;&gt;&#10;      &lt;Fields&gt;&#10;        &lt;Field Id=&quot;2014070911013459735899&quot; ShowField=&quot;false&quot; /&gt;&#10;        &lt;Field Id=&quot;2011973463486587459834&quot; ShowField=&quot;true&quot; /&gt;&#10;        &lt;Field Id=&quot;2011349845823498345623&quot; ShowField=&quot;true&quot; /&gt;&#10;        &lt;Field Id=&quot;2014070910523459735899&quot; ShowField=&quot;false&quot; /&gt;&#10;        &lt;Field Id=&quot;2010032915520270663768&quot; ShowField=&quot;true&quot; /&gt;&#10;        &lt;Field Id=&quot;2014070910553459735899&quot; ShowField=&quot;false&quot; /&gt;&#10;        &lt;Field Id=&quot;2014070910500270663768&quot; ShowField=&quot;true&quot; /&gt;&#10;        &lt;Field Id=&quot;2014070910573459735899&quot; ShowField=&quot;false&quot; /&gt;&#10;        &lt;Field Id=&quot;2014070910318498756646&quot; ShowField=&quot;true&quot; /&gt;&#10;        &lt;Field Id=&quot;2011982347978498756646&quot; ShowField=&quot;true&quot; /&gt;&#10;        &lt;Field Id=&quot;2014070912413459735899&quot; ShowField=&quot;false&quot; /&gt;&#10;        &lt;Field Id=&quot;2010030416385012448864&quot; ShowField=&quot;false&quot; /&gt;&#10;        &lt;Field Id=&quot;2011239034983459735876&quot; ShowField=&quot;false&quot; /&gt;&#10;        &lt;Field Id=&quot;2013040434983459735876&quot; ShowField=&quot;false&quot; /&gt;&#10;        &lt;Field Id=&quot;2004111209284731179378&quot; ShowField=&quot;false&quot; /&gt;&#10;        &lt;Field Id=&quot;2004112217261556206966&quot; ShowField=&quot;false&quot; /&gt;&#10;        &lt;Field Id=&quot;2005040809241304770672&quot; ShowField=&quot;false&quot; /&gt;&#10;        &lt;Field Id=&quot;2013040434983459735899&quot; ShowField=&quot;false&quot; /&gt;&#10;        &lt;Field Id=&quot;2006083110591114259288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1031&quot; IsDefault=&quot;true&quot;&gt;&#10;      &lt;File HasContent=&quot;true&quot; LinkToLanguage=&quot;&quot; /&gt;&#10;    &lt;/ContentItem&gt;&#10;  &lt;/ContentItems&gt;&#10;&lt;/MasterTemplateConfiguration&gt;"/>
</p:tagLst>
</file>

<file path=ppt/theme/theme1.xml><?xml version="1.0" encoding="utf-8"?>
<a:theme xmlns:a="http://schemas.openxmlformats.org/drawingml/2006/main" name="Blank">
  <a:themeElements>
    <a:clrScheme name="Festo Colors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DCEBF6"/>
      </a:accent1>
      <a:accent2>
        <a:srgbClr val="CACCCC"/>
      </a:accent2>
      <a:accent3>
        <a:srgbClr val="969A9A"/>
      </a:accent3>
      <a:accent4>
        <a:srgbClr val="626666"/>
      </a:accent4>
      <a:accent5>
        <a:srgbClr val="000000"/>
      </a:accent5>
      <a:accent6>
        <a:srgbClr val="0091DC"/>
      </a:accent6>
      <a:hlink>
        <a:srgbClr val="000000"/>
      </a:hlink>
      <a:folHlink>
        <a:srgbClr val="969A9A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 w="3175">
          <a:noFill/>
        </a:ln>
      </a:spPr>
      <a:bodyPr rtlCol="0" anchor="ctr"/>
      <a:lstStyle>
        <a:defPPr algn="ctr">
          <a:defRPr sz="1600" dirty="0"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Festo 4x3.potx" id="{9D3C3E57-537F-45C3-86F3-524AC40A3D90}" vid="{E461E40A-5BE8-472A-BAE9-AA48268AE16D}"/>
    </a:ext>
  </a:extLst>
</a:theme>
</file>

<file path=ppt/theme/theme2.xml><?xml version="1.0" encoding="utf-8"?>
<a:theme xmlns:a="http://schemas.openxmlformats.org/drawingml/2006/main" name="2_Vlastní návrh">
  <a:themeElements>
    <a:clrScheme name="Kancelář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ancelář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Kancelář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1_Vlastní návrh">
  <a:themeElements>
    <a:clrScheme name="Kancelář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ancelář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Kancelář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Vlastní návrh">
  <a:themeElements>
    <a:clrScheme name="Kancelář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ancelář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Kancelář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Motiv sady Office">
  <a:themeElements>
    <a:clrScheme name="Kancelář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ancelář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Kancelář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7258</TotalTime>
  <Words>432</Words>
  <Application>Microsoft Office PowerPoint</Application>
  <PresentationFormat>Předvádění na obrazovce (16:9)</PresentationFormat>
  <Paragraphs>154</Paragraphs>
  <Slides>34</Slides>
  <Notes>33</Notes>
  <HiddenSlides>0</HiddenSlides>
  <MMClips>0</MMClips>
  <ScaleCrop>false</ScaleCrop>
  <HeadingPairs>
    <vt:vector size="6" baseType="variant">
      <vt:variant>
        <vt:lpstr>Použitá písma</vt:lpstr>
      </vt:variant>
      <vt:variant>
        <vt:i4>3</vt:i4>
      </vt:variant>
      <vt:variant>
        <vt:lpstr>Motiv</vt:lpstr>
      </vt:variant>
      <vt:variant>
        <vt:i4>4</vt:i4>
      </vt:variant>
      <vt:variant>
        <vt:lpstr>Nadpisy snímků</vt:lpstr>
      </vt:variant>
      <vt:variant>
        <vt:i4>34</vt:i4>
      </vt:variant>
    </vt:vector>
  </HeadingPairs>
  <TitlesOfParts>
    <vt:vector size="41" baseType="lpstr">
      <vt:lpstr>Arial</vt:lpstr>
      <vt:lpstr>Calibri</vt:lpstr>
      <vt:lpstr>MetaPlusLF</vt:lpstr>
      <vt:lpstr>Blank</vt:lpstr>
      <vt:lpstr>2_Vlastní návrh</vt:lpstr>
      <vt:lpstr>1_Vlastní návrh</vt:lpstr>
      <vt:lpstr>Vlastní návrh</vt:lpstr>
      <vt:lpstr>Prezentace aplikace PowerPoint</vt:lpstr>
      <vt:lpstr>1925   Založení společnosti</vt:lpstr>
      <vt:lpstr>1927   Přenosná řetězová pila</vt:lpstr>
      <vt:lpstr>1930   Okružní pila a dlabačka</vt:lpstr>
      <vt:lpstr>1938   Talířová bruska</vt:lpstr>
      <vt:lpstr>nyní                           v České Lípě</vt:lpstr>
      <vt:lpstr>1955   Počátek pneumatiky FESTO</vt:lpstr>
      <vt:lpstr>1956   Katalog a aplikace</vt:lpstr>
      <vt:lpstr>1980   Přichází FESTO Electronic </vt:lpstr>
      <vt:lpstr>1989   Stvoření ventilových terminálů</vt:lpstr>
      <vt:lpstr>Procesní technika</vt:lpstr>
      <vt:lpstr>Procesní technika</vt:lpstr>
      <vt:lpstr>Kamerové systémy</vt:lpstr>
      <vt:lpstr>Řídicí systémy</vt:lpstr>
      <vt:lpstr>Elektromechanické pohony</vt:lpstr>
      <vt:lpstr>Manipulátory</vt:lpstr>
      <vt:lpstr>Bezpečnost zařízení</vt:lpstr>
      <vt:lpstr>Zákaznická řešení</vt:lpstr>
      <vt:lpstr>Úspory stlačeného vzduchu</vt:lpstr>
      <vt:lpstr>Prezentace aplikace PowerPoint</vt:lpstr>
      <vt:lpstr>FESTO Didactic  - dodávky výukových systémů </vt:lpstr>
      <vt:lpstr>FESTO Didactic  - dodávky výukových systémů </vt:lpstr>
      <vt:lpstr>FESTO Didactic  - Compact Trainer I4.0</vt:lpstr>
      <vt:lpstr>FESTO Didactic  - odborné semináře</vt:lpstr>
      <vt:lpstr>Industry 4.0</vt:lpstr>
      <vt:lpstr>Ventilová evoluce či revoluce ?!</vt:lpstr>
      <vt:lpstr>Motion terminal VTEM</vt:lpstr>
      <vt:lpstr>Motion terminal VTEM</vt:lpstr>
      <vt:lpstr>Motion terminal VTEM</vt:lpstr>
      <vt:lpstr>Motion terminal VTEM</vt:lpstr>
      <vt:lpstr>Prezentace aplikace PowerPoint</vt:lpstr>
      <vt:lpstr>FESTO Didactic – CP Factory</vt:lpstr>
      <vt:lpstr>Prezentace aplikace PowerPoint</vt:lpstr>
      <vt:lpstr>Prezentace aplikace PowerPoint</vt:lpstr>
    </vt:vector>
  </TitlesOfParts>
  <Company>Festo AG &amp; Co. K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nímek 1</dc:title>
  <dc:creator>CZ0MB</dc:creator>
  <cp:lastModifiedBy>Skerik, Filip</cp:lastModifiedBy>
  <cp:revision>532</cp:revision>
  <dcterms:created xsi:type="dcterms:W3CDTF">2017-05-16T04:46:48Z</dcterms:created>
  <dcterms:modified xsi:type="dcterms:W3CDTF">2017-11-09T15:08:25Z</dcterms:modified>
</cp:coreProperties>
</file>